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7011\Desktop\2023広報\小金井さん\"/>
    </mc:Choice>
  </mc:AlternateContent>
  <bookViews>
    <workbookView xWindow="0" yWindow="0" windowWidth="28800" windowHeight="12210"/>
  </bookViews>
  <sheets>
    <sheet name="体調観察表　" sheetId="3" r:id="rId1"/>
    <sheet name="裏面" sheetId="4" r:id="rId2"/>
  </sheets>
  <definedNames>
    <definedName name="_xlnm.Print_Area" localSheetId="0">'体調観察表　'!$A$1:$K$63</definedName>
    <definedName name="_xlnm.Print_Area" localSheetId="1">裏面!$A$1:$K$63</definedName>
  </definedNames>
  <calcPr calcId="145621"/>
</workbook>
</file>

<file path=xl/sharedStrings.xml><?xml version="1.0" encoding="utf-8"?>
<sst xmlns="http://schemas.openxmlformats.org/spreadsheetml/2006/main" count="197" uniqueCount="45">
  <si>
    <t>℃</t>
    <phoneticPr fontId="1"/>
  </si>
  <si>
    <t>①　　　月　 　　日</t>
    <rPh sb="4" eb="5">
      <t>ガツ</t>
    </rPh>
    <rPh sb="9" eb="10">
      <t>ニチ</t>
    </rPh>
    <phoneticPr fontId="1"/>
  </si>
  <si>
    <t>② 　　　月　 　　日</t>
    <rPh sb="5" eb="6">
      <t>ガツ</t>
    </rPh>
    <rPh sb="10" eb="11">
      <t>ニチ</t>
    </rPh>
    <phoneticPr fontId="1"/>
  </si>
  <si>
    <t>③　　　月　 　　日</t>
    <rPh sb="4" eb="5">
      <t>ガツ</t>
    </rPh>
    <rPh sb="9" eb="10">
      <t>ニチ</t>
    </rPh>
    <phoneticPr fontId="1"/>
  </si>
  <si>
    <t>④　　　月　 　　日</t>
    <rPh sb="4" eb="5">
      <t>ガツ</t>
    </rPh>
    <rPh sb="9" eb="10">
      <t>ニチ</t>
    </rPh>
    <phoneticPr fontId="1"/>
  </si>
  <si>
    <t>⑤　　　月　 　　日</t>
    <rPh sb="4" eb="5">
      <t>ガツ</t>
    </rPh>
    <rPh sb="9" eb="10">
      <t>ニチ</t>
    </rPh>
    <phoneticPr fontId="1"/>
  </si>
  <si>
    <t>⑥　　　月　 　　日</t>
    <rPh sb="4" eb="5">
      <t>ガツ</t>
    </rPh>
    <rPh sb="9" eb="10">
      <t>ニチ</t>
    </rPh>
    <phoneticPr fontId="1"/>
  </si>
  <si>
    <t>⑦　　　月　 　　日</t>
    <rPh sb="4" eb="5">
      <t>ガツ</t>
    </rPh>
    <rPh sb="9" eb="10">
      <t>ニチ</t>
    </rPh>
    <phoneticPr fontId="1"/>
  </si>
  <si>
    <t xml:space="preserve"> 体温 Temperature</t>
    <rPh sb="1" eb="3">
      <t>タイオン</t>
    </rPh>
    <phoneticPr fontId="1"/>
  </si>
  <si>
    <t xml:space="preserve"> だるさ　feel weary</t>
    <phoneticPr fontId="1"/>
  </si>
  <si>
    <t xml:space="preserve"> 頭痛　headache</t>
    <rPh sb="1" eb="3">
      <t>ズツウ</t>
    </rPh>
    <phoneticPr fontId="1"/>
  </si>
  <si>
    <t xml:space="preserve"> 咽頭痛　sore throat</t>
    <rPh sb="1" eb="3">
      <t>イントウ</t>
    </rPh>
    <rPh sb="3" eb="4">
      <t>イタ</t>
    </rPh>
    <phoneticPr fontId="1"/>
  </si>
  <si>
    <t xml:space="preserve"> 息苦しさ　breathless</t>
    <rPh sb="1" eb="3">
      <t>イキグル</t>
    </rPh>
    <phoneticPr fontId="1"/>
  </si>
  <si>
    <t xml:space="preserve"> 咳・くしゃみ　cough・sneezing</t>
    <phoneticPr fontId="1"/>
  </si>
  <si>
    <t xml:space="preserve"> 吐気・嘔吐　nausea・vomiting</t>
    <rPh sb="1" eb="2">
      <t>ハ</t>
    </rPh>
    <rPh sb="2" eb="3">
      <t>ケ</t>
    </rPh>
    <rPh sb="4" eb="6">
      <t>オウト</t>
    </rPh>
    <rPh sb="5" eb="6">
      <t>ト</t>
    </rPh>
    <phoneticPr fontId="1"/>
  </si>
  <si>
    <t xml:space="preserve"> 腹痛・下痢 abdominal pain・diarrhea</t>
    <rPh sb="1" eb="3">
      <t>フクツウ</t>
    </rPh>
    <rPh sb="4" eb="6">
      <t>ゲリ</t>
    </rPh>
    <phoneticPr fontId="1"/>
  </si>
  <si>
    <t xml:space="preserve"> 味覚障害 taste disorder</t>
    <rPh sb="1" eb="3">
      <t>ミカク</t>
    </rPh>
    <rPh sb="3" eb="5">
      <t>ショウガイ</t>
    </rPh>
    <phoneticPr fontId="1"/>
  </si>
  <si>
    <t xml:space="preserve"> 嗅覚障害 olfactory disorder</t>
    <rPh sb="1" eb="3">
      <t>キュウカク</t>
    </rPh>
    <rPh sb="3" eb="5">
      <t>ショウガイ</t>
    </rPh>
    <phoneticPr fontId="1"/>
  </si>
  <si>
    <t>⑧　　　月　 　　日</t>
    <rPh sb="4" eb="5">
      <t>ガツ</t>
    </rPh>
    <rPh sb="9" eb="10">
      <t>ニチ</t>
    </rPh>
    <phoneticPr fontId="1"/>
  </si>
  <si>
    <t>⑨ 　　　月　 　　日</t>
    <rPh sb="5" eb="6">
      <t>ガツ</t>
    </rPh>
    <rPh sb="10" eb="11">
      <t>ニチ</t>
    </rPh>
    <phoneticPr fontId="1"/>
  </si>
  <si>
    <t>⑩　　　月　 　　日</t>
    <rPh sb="4" eb="5">
      <t>ガツ</t>
    </rPh>
    <rPh sb="9" eb="10">
      <t>ニチ</t>
    </rPh>
    <phoneticPr fontId="1"/>
  </si>
  <si>
    <t>⑪　　　月　 　　日</t>
    <rPh sb="4" eb="5">
      <t>ガツ</t>
    </rPh>
    <rPh sb="9" eb="10">
      <t>ニチ</t>
    </rPh>
    <phoneticPr fontId="1"/>
  </si>
  <si>
    <t>⑫　　　月　 　　日</t>
    <rPh sb="4" eb="5">
      <t>ガツ</t>
    </rPh>
    <rPh sb="9" eb="10">
      <t>ニチ</t>
    </rPh>
    <phoneticPr fontId="1"/>
  </si>
  <si>
    <t>⑬　　　月　 　　日</t>
    <rPh sb="4" eb="5">
      <t>ガツ</t>
    </rPh>
    <rPh sb="9" eb="10">
      <t>ニチ</t>
    </rPh>
    <phoneticPr fontId="1"/>
  </si>
  <si>
    <t>⑭　　　月　 　　日</t>
    <rPh sb="4" eb="5">
      <t>ガツ</t>
    </rPh>
    <rPh sb="9" eb="10">
      <t>ニチ</t>
    </rPh>
    <phoneticPr fontId="1"/>
  </si>
  <si>
    <r>
      <t xml:space="preserve"> 学籍（個人）番号　</t>
    </r>
    <r>
      <rPr>
        <sz val="12"/>
        <rFont val="ＭＳ Ｐ明朝"/>
        <family val="1"/>
        <charset val="128"/>
      </rPr>
      <t>ID№</t>
    </r>
    <rPh sb="1" eb="3">
      <t>ガクセキ</t>
    </rPh>
    <rPh sb="4" eb="6">
      <t>コジン</t>
    </rPh>
    <rPh sb="7" eb="9">
      <t>バンゴウ</t>
    </rPh>
    <phoneticPr fontId="1"/>
  </si>
  <si>
    <t>氏名 Name</t>
    <rPh sb="0" eb="2">
      <t>シメイ</t>
    </rPh>
    <phoneticPr fontId="1"/>
  </si>
  <si>
    <t>　学科/部課室　faculty/office ：　　　　　</t>
    <rPh sb="1" eb="3">
      <t>ガッカ</t>
    </rPh>
    <rPh sb="4" eb="5">
      <t>ブ</t>
    </rPh>
    <rPh sb="5" eb="7">
      <t>カシツ</t>
    </rPh>
    <phoneticPr fontId="1"/>
  </si>
  <si>
    <t>　Please get your Doctor's autograph when you see a medical institution.</t>
    <phoneticPr fontId="1"/>
  </si>
  <si>
    <t xml:space="preserve"> 大学または医療機関が記載すること</t>
    <rPh sb="1" eb="3">
      <t>ダイガク</t>
    </rPh>
    <rPh sb="6" eb="8">
      <t>イリョウ</t>
    </rPh>
    <rPh sb="8" eb="10">
      <t>キカン</t>
    </rPh>
    <rPh sb="11" eb="13">
      <t>キサイ</t>
    </rPh>
    <phoneticPr fontId="1"/>
  </si>
  <si>
    <t>出席停止期間</t>
  </si>
  <si>
    <t xml:space="preserve"> </t>
    <phoneticPr fontId="1"/>
  </si>
  <si>
    <t xml:space="preserve">        年　　　月　　　　日　　　～　　  　　年　　　　月　　　　　日</t>
    <phoneticPr fontId="1"/>
  </si>
  <si>
    <t>　　　人事課　受付印　　　　　　　　　　　保健センター　受付印</t>
    <rPh sb="3" eb="6">
      <t>ジンジカ</t>
    </rPh>
    <rPh sb="7" eb="10">
      <t>ウケツケイン</t>
    </rPh>
    <phoneticPr fontId="1"/>
  </si>
  <si>
    <t xml:space="preserve">体　調　観　察　表　　Health Check Form </t>
    <rPh sb="0" eb="1">
      <t>カラダ</t>
    </rPh>
    <rPh sb="2" eb="3">
      <t>チョウ</t>
    </rPh>
    <rPh sb="4" eb="5">
      <t>カン</t>
    </rPh>
    <rPh sb="6" eb="7">
      <t>サッ</t>
    </rPh>
    <rPh sb="8" eb="9">
      <t>ヒョウ</t>
    </rPh>
    <phoneticPr fontId="1"/>
  </si>
  <si>
    <t>AM</t>
    <phoneticPr fontId="1"/>
  </si>
  <si>
    <t>PM</t>
    <phoneticPr fontId="1"/>
  </si>
  <si>
    <t xml:space="preserve">    Student                     Teacher ( Full ・ Special  ・  Part ）                                           Staff  ( Full  ・  employee  ・    temporary ）</t>
    <phoneticPr fontId="1"/>
  </si>
  <si>
    <t xml:space="preserve"> 関節・筋肉痛　joinｔ pain</t>
    <rPh sb="1" eb="3">
      <t>カンセツ</t>
    </rPh>
    <rPh sb="4" eb="7">
      <t>キンニクツウ</t>
    </rPh>
    <phoneticPr fontId="1"/>
  </si>
  <si>
    <t>①　　　月　 　　　日</t>
    <rPh sb="4" eb="5">
      <t>ガツ</t>
    </rPh>
    <rPh sb="10" eb="11">
      <t>ニチ</t>
    </rPh>
    <phoneticPr fontId="1"/>
  </si>
  <si>
    <r>
      <t>○ 必ず体温測定・記録し、症状がある項目の欄に✔をつけてください。　　　　　　　　　　　　　　　　　　　　　　　　　　　　　　　　　　　　　　　　　　　　　</t>
    </r>
    <r>
      <rPr>
        <sz val="12"/>
        <rFont val="ＭＳ Ｐゴシック"/>
        <family val="3"/>
        <charset val="128"/>
      </rPr>
      <t>Be sure to measure your body temperature every day and check and record the items with symptoms.　　　　　　　　　　　　　　　　　</t>
    </r>
    <rPh sb="2" eb="3">
      <t>カナラ</t>
    </rPh>
    <rPh sb="4" eb="6">
      <t>タイオン</t>
    </rPh>
    <rPh sb="6" eb="8">
      <t>ソクテイ</t>
    </rPh>
    <rPh sb="9" eb="11">
      <t>キロク</t>
    </rPh>
    <rPh sb="13" eb="15">
      <t>ショウジョウ</t>
    </rPh>
    <rPh sb="18" eb="20">
      <t>コウモク</t>
    </rPh>
    <rPh sb="21" eb="22">
      <t>ラン</t>
    </rPh>
    <phoneticPr fontId="1"/>
  </si>
  <si>
    <t xml:space="preserve">  学生    教員 　(　専　任　・　特　任　・　非常勤　）      職員　(　専　任　・　嘱　託　・　臨　時　）　　　　</t>
    <rPh sb="2" eb="4">
      <t>ガクセイ</t>
    </rPh>
    <phoneticPr fontId="1"/>
  </si>
  <si>
    <r>
      <t xml:space="preserve"> 連絡先電話番号
 </t>
    </r>
    <r>
      <rPr>
        <sz val="11"/>
        <rFont val="ＭＳ Ｐ明朝"/>
        <family val="1"/>
        <charset val="128"/>
      </rPr>
      <t>phone number</t>
    </r>
    <rPh sb="1" eb="4">
      <t>レンラクサキ</t>
    </rPh>
    <rPh sb="4" eb="6">
      <t>デンワ</t>
    </rPh>
    <rPh sb="6" eb="8">
      <t>バンゴウ</t>
    </rPh>
    <phoneticPr fontId="1"/>
  </si>
  <si>
    <t>hoken_ns@stf.dokkyo.ac.jp</t>
    <phoneticPr fontId="1"/>
  </si>
  <si>
    <t>体調観察表送付先アドレス</t>
    <rPh sb="0" eb="4">
      <t>タイチョウカンサツ</t>
    </rPh>
    <rPh sb="4" eb="5">
      <t>ヒョウ</t>
    </rPh>
    <rPh sb="5" eb="8">
      <t>ソウフサ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m&quot;月&quot;d&quot;日&quot;;@"/>
  </numFmts>
  <fonts count="14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4"/>
      <name val="ＭＳ Ｐ明朝"/>
      <family val="1"/>
      <charset val="128"/>
    </font>
    <font>
      <sz val="11"/>
      <name val="ＭＳ Ｐ明朝"/>
      <family val="1"/>
      <charset val="128"/>
    </font>
    <font>
      <sz val="8"/>
      <name val="ＭＳ Ｐ明朝"/>
      <family val="1"/>
      <charset val="128"/>
    </font>
    <font>
      <sz val="9"/>
      <name val="ＭＳ Ｐ明朝"/>
      <family val="1"/>
      <charset val="128"/>
    </font>
    <font>
      <b/>
      <sz val="9"/>
      <name val="ＭＳ Ｐ明朝"/>
      <family val="1"/>
      <charset val="128"/>
    </font>
    <font>
      <sz val="14"/>
      <name val="ＭＳ Ｐ明朝"/>
      <family val="1"/>
      <charset val="128"/>
    </font>
    <font>
      <b/>
      <sz val="24"/>
      <name val="ＭＳ Ｐ明朝"/>
      <family val="1"/>
      <charset val="128"/>
    </font>
    <font>
      <sz val="12"/>
      <name val="ＭＳ Ｐ明朝"/>
      <family val="1"/>
      <charset val="128"/>
    </font>
    <font>
      <b/>
      <sz val="16"/>
      <name val="ＭＳ Ｐ明朝"/>
      <family val="1"/>
      <charset val="128"/>
    </font>
    <font>
      <b/>
      <sz val="12"/>
      <name val="ＭＳ Ｐゴシック"/>
      <family val="3"/>
      <charset val="128"/>
    </font>
    <font>
      <sz val="12"/>
      <name val="ＭＳ Ｐゴシック"/>
      <family val="3"/>
      <charset val="128"/>
    </font>
    <font>
      <sz val="10"/>
      <name val="ＭＳ Ｐ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</fills>
  <borders count="4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</borders>
  <cellStyleXfs count="1">
    <xf numFmtId="0" fontId="0" fillId="0" borderId="0">
      <alignment vertical="center"/>
    </xf>
  </cellStyleXfs>
  <cellXfs count="102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0" xfId="0" applyFont="1" applyBorder="1">
      <alignment vertical="center"/>
    </xf>
    <xf numFmtId="0" fontId="5" fillId="0" borderId="1" xfId="0" applyFont="1" applyBorder="1">
      <alignment vertical="center"/>
    </xf>
    <xf numFmtId="0" fontId="2" fillId="0" borderId="0" xfId="0" applyFont="1" applyFill="1" applyBorder="1" applyAlignment="1">
      <alignment vertical="center"/>
    </xf>
    <xf numFmtId="0" fontId="5" fillId="0" borderId="2" xfId="0" applyFont="1" applyBorder="1" applyAlignment="1">
      <alignment horizontal="left" vertical="center"/>
    </xf>
    <xf numFmtId="0" fontId="5" fillId="0" borderId="0" xfId="0" applyFont="1" applyBorder="1" applyAlignment="1">
      <alignment horizontal="center" vertical="center" textRotation="255"/>
    </xf>
    <xf numFmtId="0" fontId="4" fillId="0" borderId="0" xfId="0" applyFont="1" applyBorder="1" applyAlignment="1">
      <alignment horizontal="left" vertical="center"/>
    </xf>
    <xf numFmtId="0" fontId="4" fillId="0" borderId="0" xfId="0" applyFont="1" applyBorder="1" applyAlignment="1">
      <alignment vertical="center"/>
    </xf>
    <xf numFmtId="0" fontId="5" fillId="0" borderId="3" xfId="0" applyFont="1" applyBorder="1" applyAlignment="1">
      <alignment horizontal="left" vertical="center"/>
    </xf>
    <xf numFmtId="0" fontId="3" fillId="0" borderId="0" xfId="0" applyFont="1" applyBorder="1" applyAlignment="1">
      <alignment vertical="center"/>
    </xf>
    <xf numFmtId="0" fontId="3" fillId="0" borderId="6" xfId="0" applyFont="1" applyBorder="1">
      <alignment vertical="center"/>
    </xf>
    <xf numFmtId="0" fontId="3" fillId="0" borderId="23" xfId="0" applyFont="1" applyBorder="1">
      <alignment vertical="center"/>
    </xf>
    <xf numFmtId="0" fontId="3" fillId="0" borderId="27" xfId="0" applyFont="1" applyBorder="1" applyAlignment="1">
      <alignment vertical="center"/>
    </xf>
    <xf numFmtId="0" fontId="3" fillId="0" borderId="0" xfId="0" applyFont="1" applyBorder="1" applyAlignment="1">
      <alignment horizontal="left" vertical="center"/>
    </xf>
    <xf numFmtId="0" fontId="3" fillId="0" borderId="18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5" fillId="0" borderId="31" xfId="0" applyFont="1" applyBorder="1" applyAlignment="1">
      <alignment horizontal="left" vertical="center"/>
    </xf>
    <xf numFmtId="0" fontId="5" fillId="0" borderId="32" xfId="0" applyFont="1" applyBorder="1" applyAlignment="1">
      <alignment horizontal="right" vertical="center"/>
    </xf>
    <xf numFmtId="0" fontId="5" fillId="0" borderId="33" xfId="0" applyFont="1" applyBorder="1" applyAlignment="1">
      <alignment horizontal="right" vertical="center"/>
    </xf>
    <xf numFmtId="0" fontId="4" fillId="0" borderId="33" xfId="0" applyFont="1" applyBorder="1" applyAlignment="1">
      <alignment horizontal="right" vertical="center"/>
    </xf>
    <xf numFmtId="0" fontId="4" fillId="0" borderId="30" xfId="0" applyFont="1" applyBorder="1" applyAlignment="1">
      <alignment horizontal="right" vertical="center"/>
    </xf>
    <xf numFmtId="0" fontId="8" fillId="0" borderId="0" xfId="0" applyFont="1" applyBorder="1" applyAlignment="1">
      <alignment vertical="center"/>
    </xf>
    <xf numFmtId="56" fontId="5" fillId="0" borderId="1" xfId="0" applyNumberFormat="1" applyFont="1" applyBorder="1" applyAlignment="1">
      <alignment vertical="center"/>
    </xf>
    <xf numFmtId="0" fontId="5" fillId="0" borderId="35" xfId="0" applyFont="1" applyBorder="1" applyAlignment="1">
      <alignment horizontal="left" vertical="center"/>
    </xf>
    <xf numFmtId="0" fontId="5" fillId="0" borderId="36" xfId="0" applyFont="1" applyBorder="1" applyAlignment="1">
      <alignment horizontal="left" vertical="center"/>
    </xf>
    <xf numFmtId="0" fontId="5" fillId="0" borderId="37" xfId="0" applyFont="1" applyBorder="1" applyAlignment="1">
      <alignment horizontal="left" vertical="center"/>
    </xf>
    <xf numFmtId="0" fontId="3" fillId="0" borderId="0" xfId="0" applyFont="1" applyBorder="1" applyAlignment="1">
      <alignment horizontal="center" vertical="center"/>
    </xf>
    <xf numFmtId="0" fontId="7" fillId="0" borderId="1" xfId="0" applyFont="1" applyBorder="1" applyAlignment="1">
      <alignment vertical="center"/>
    </xf>
    <xf numFmtId="0" fontId="3" fillId="0" borderId="23" xfId="0" applyFont="1" applyBorder="1" applyAlignment="1">
      <alignment vertical="center"/>
    </xf>
    <xf numFmtId="0" fontId="3" fillId="0" borderId="28" xfId="0" applyFont="1" applyBorder="1" applyAlignment="1">
      <alignment vertical="center"/>
    </xf>
    <xf numFmtId="0" fontId="3" fillId="0" borderId="17" xfId="0" applyFont="1" applyBorder="1" applyAlignment="1">
      <alignment horizontal="left" vertical="center"/>
    </xf>
    <xf numFmtId="0" fontId="3" fillId="0" borderId="20" xfId="0" applyFont="1" applyBorder="1" applyAlignment="1">
      <alignment horizontal="left" vertical="center"/>
    </xf>
    <xf numFmtId="0" fontId="3" fillId="0" borderId="9" xfId="0" applyFont="1" applyBorder="1" applyAlignment="1">
      <alignment vertical="center"/>
    </xf>
    <xf numFmtId="0" fontId="3" fillId="0" borderId="18" xfId="0" applyFont="1" applyBorder="1" applyAlignment="1"/>
    <xf numFmtId="0" fontId="7" fillId="0" borderId="0" xfId="0" applyFont="1" applyBorder="1" applyAlignment="1">
      <alignment vertical="center"/>
    </xf>
    <xf numFmtId="0" fontId="3" fillId="0" borderId="0" xfId="0" applyFont="1" applyBorder="1" applyAlignment="1"/>
    <xf numFmtId="49" fontId="6" fillId="2" borderId="34" xfId="0" applyNumberFormat="1" applyFont="1" applyFill="1" applyBorder="1" applyAlignment="1">
      <alignment horizontal="right"/>
    </xf>
    <xf numFmtId="0" fontId="7" fillId="0" borderId="4" xfId="0" applyFont="1" applyBorder="1" applyAlignment="1">
      <alignment vertical="center"/>
    </xf>
    <xf numFmtId="0" fontId="5" fillId="0" borderId="41" xfId="0" applyFont="1" applyBorder="1" applyAlignment="1">
      <alignment vertical="top"/>
    </xf>
    <xf numFmtId="0" fontId="5" fillId="0" borderId="6" xfId="0" applyFont="1" applyBorder="1" applyAlignment="1">
      <alignment vertical="top"/>
    </xf>
    <xf numFmtId="0" fontId="5" fillId="0" borderId="38" xfId="0" applyFont="1" applyBorder="1" applyAlignment="1">
      <alignment vertical="top"/>
    </xf>
    <xf numFmtId="0" fontId="5" fillId="0" borderId="22" xfId="0" applyFont="1" applyBorder="1" applyAlignment="1">
      <alignment vertical="top"/>
    </xf>
    <xf numFmtId="0" fontId="5" fillId="0" borderId="0" xfId="0" applyFont="1" applyBorder="1" applyAlignment="1">
      <alignment vertical="top"/>
    </xf>
    <xf numFmtId="0" fontId="5" fillId="0" borderId="8" xfId="0" applyFont="1" applyBorder="1" applyAlignment="1">
      <alignment vertical="top"/>
    </xf>
    <xf numFmtId="0" fontId="5" fillId="0" borderId="24" xfId="0" applyFont="1" applyBorder="1" applyAlignment="1">
      <alignment vertical="top"/>
    </xf>
    <xf numFmtId="0" fontId="5" fillId="0" borderId="27" xfId="0" applyFont="1" applyBorder="1" applyAlignment="1">
      <alignment vertical="top"/>
    </xf>
    <xf numFmtId="0" fontId="0" fillId="0" borderId="25" xfId="0" applyBorder="1" applyAlignment="1">
      <alignment horizontal="right" vertical="center"/>
    </xf>
    <xf numFmtId="0" fontId="0" fillId="0" borderId="6" xfId="0" applyBorder="1" applyAlignment="1">
      <alignment vertical="center"/>
    </xf>
    <xf numFmtId="0" fontId="5" fillId="0" borderId="12" xfId="0" applyFont="1" applyBorder="1" applyAlignment="1">
      <alignment horizontal="center" vertical="center" textRotation="255"/>
    </xf>
    <xf numFmtId="0" fontId="5" fillId="0" borderId="13" xfId="0" applyFont="1" applyBorder="1" applyAlignment="1">
      <alignment horizontal="center" vertical="center" textRotation="255"/>
    </xf>
    <xf numFmtId="0" fontId="5" fillId="0" borderId="14" xfId="0" applyFont="1" applyBorder="1" applyAlignment="1">
      <alignment horizontal="center" vertical="center" textRotation="255"/>
    </xf>
    <xf numFmtId="176" fontId="6" fillId="2" borderId="11" xfId="0" applyNumberFormat="1" applyFont="1" applyFill="1" applyBorder="1" applyAlignment="1">
      <alignment horizontal="left" vertical="center"/>
    </xf>
    <xf numFmtId="176" fontId="6" fillId="2" borderId="10" xfId="0" applyNumberFormat="1" applyFont="1" applyFill="1" applyBorder="1" applyAlignment="1">
      <alignment horizontal="left" vertical="center"/>
    </xf>
    <xf numFmtId="56" fontId="5" fillId="0" borderId="16" xfId="0" applyNumberFormat="1" applyFont="1" applyBorder="1" applyAlignment="1">
      <alignment horizontal="center" vertical="center"/>
    </xf>
    <xf numFmtId="56" fontId="5" fillId="0" borderId="4" xfId="0" applyNumberFormat="1" applyFont="1" applyBorder="1" applyAlignment="1">
      <alignment horizontal="center" vertical="center"/>
    </xf>
    <xf numFmtId="0" fontId="3" fillId="0" borderId="5" xfId="0" applyFont="1" applyBorder="1" applyAlignment="1">
      <alignment horizontal="left" vertical="center"/>
    </xf>
    <xf numFmtId="0" fontId="3" fillId="0" borderId="0" xfId="0" applyFont="1" applyBorder="1" applyAlignment="1">
      <alignment horizontal="left" vertical="center"/>
    </xf>
    <xf numFmtId="0" fontId="3" fillId="0" borderId="26" xfId="0" applyFont="1" applyBorder="1" applyAlignment="1">
      <alignment horizontal="left" vertical="center"/>
    </xf>
    <xf numFmtId="0" fontId="3" fillId="0" borderId="27" xfId="0" applyFont="1" applyBorder="1" applyAlignment="1">
      <alignment horizontal="left" vertical="center"/>
    </xf>
    <xf numFmtId="0" fontId="5" fillId="0" borderId="0" xfId="0" applyFont="1" applyAlignment="1">
      <alignment horizontal="right" vertical="center"/>
    </xf>
    <xf numFmtId="0" fontId="3" fillId="0" borderId="7" xfId="0" applyFont="1" applyBorder="1" applyAlignment="1">
      <alignment horizontal="left" vertical="top" wrapText="1"/>
    </xf>
    <xf numFmtId="0" fontId="3" fillId="0" borderId="6" xfId="0" applyFont="1" applyBorder="1" applyAlignment="1">
      <alignment horizontal="left" vertical="top" wrapText="1"/>
    </xf>
    <xf numFmtId="0" fontId="3" fillId="0" borderId="29" xfId="0" applyFont="1" applyBorder="1" applyAlignment="1">
      <alignment horizontal="left" vertical="top" wrapText="1"/>
    </xf>
    <xf numFmtId="0" fontId="3" fillId="0" borderId="5" xfId="0" applyFont="1" applyBorder="1" applyAlignment="1">
      <alignment horizontal="left" vertical="top"/>
    </xf>
    <xf numFmtId="0" fontId="3" fillId="0" borderId="0" xfId="0" applyFont="1" applyBorder="1" applyAlignment="1">
      <alignment horizontal="left" vertical="top"/>
    </xf>
    <xf numFmtId="0" fontId="3" fillId="0" borderId="18" xfId="0" applyFont="1" applyBorder="1" applyAlignment="1">
      <alignment horizontal="center" vertical="center"/>
    </xf>
    <xf numFmtId="0" fontId="3" fillId="0" borderId="19" xfId="0" applyFont="1" applyBorder="1" applyAlignment="1">
      <alignment horizontal="center" vertical="center"/>
    </xf>
    <xf numFmtId="0" fontId="3" fillId="0" borderId="9" xfId="0" applyFont="1" applyBorder="1" applyAlignment="1">
      <alignment horizontal="center" vertical="center"/>
    </xf>
    <xf numFmtId="0" fontId="3" fillId="0" borderId="21" xfId="0" applyFont="1" applyBorder="1" applyAlignment="1">
      <alignment horizontal="center" vertical="center"/>
    </xf>
    <xf numFmtId="0" fontId="3" fillId="0" borderId="0" xfId="0" applyFont="1" applyBorder="1" applyAlignment="1">
      <alignment horizontal="center" vertical="center"/>
    </xf>
    <xf numFmtId="0" fontId="3" fillId="0" borderId="27" xfId="0" applyFont="1" applyBorder="1" applyAlignment="1">
      <alignment horizontal="center" vertical="center"/>
    </xf>
    <xf numFmtId="0" fontId="8" fillId="0" borderId="0" xfId="0" applyFont="1" applyBorder="1" applyAlignment="1">
      <alignment horizontal="center" vertical="center"/>
    </xf>
    <xf numFmtId="0" fontId="8" fillId="0" borderId="9" xfId="0" applyFont="1" applyBorder="1" applyAlignment="1">
      <alignment horizontal="center" vertical="center"/>
    </xf>
    <xf numFmtId="0" fontId="9" fillId="0" borderId="39" xfId="0" applyFont="1" applyBorder="1" applyAlignment="1">
      <alignment horizontal="left" vertical="top"/>
    </xf>
    <xf numFmtId="0" fontId="9" fillId="0" borderId="9" xfId="0" applyFont="1" applyBorder="1" applyAlignment="1">
      <alignment horizontal="left" vertical="top"/>
    </xf>
    <xf numFmtId="0" fontId="9" fillId="0" borderId="40" xfId="0" applyFont="1" applyBorder="1" applyAlignment="1">
      <alignment horizontal="left" vertical="top"/>
    </xf>
    <xf numFmtId="0" fontId="7" fillId="0" borderId="16" xfId="0" applyFont="1" applyBorder="1" applyAlignment="1">
      <alignment horizontal="center" vertical="center"/>
    </xf>
    <xf numFmtId="0" fontId="7" fillId="0" borderId="15" xfId="0" applyFont="1" applyBorder="1" applyAlignment="1">
      <alignment horizontal="center" vertical="center"/>
    </xf>
    <xf numFmtId="0" fontId="7" fillId="0" borderId="16" xfId="0" applyFont="1" applyBorder="1" applyAlignment="1">
      <alignment horizontal="center" vertical="center" wrapText="1"/>
    </xf>
    <xf numFmtId="0" fontId="7" fillId="0" borderId="15" xfId="0" applyFont="1" applyBorder="1" applyAlignment="1">
      <alignment horizontal="center" vertical="center" wrapText="1"/>
    </xf>
    <xf numFmtId="0" fontId="7" fillId="0" borderId="4" xfId="0" applyFont="1" applyBorder="1" applyAlignment="1">
      <alignment horizontal="center" vertical="center" wrapText="1"/>
    </xf>
    <xf numFmtId="0" fontId="10" fillId="0" borderId="7" xfId="0" applyFont="1" applyBorder="1" applyAlignment="1">
      <alignment horizontal="left" vertical="center"/>
    </xf>
    <xf numFmtId="0" fontId="10" fillId="0" borderId="6" xfId="0" applyFont="1" applyBorder="1" applyAlignment="1">
      <alignment horizontal="left" vertical="center"/>
    </xf>
    <xf numFmtId="0" fontId="10" fillId="0" borderId="38" xfId="0" applyFont="1" applyBorder="1" applyAlignment="1">
      <alignment horizontal="left" vertical="center"/>
    </xf>
    <xf numFmtId="0" fontId="7" fillId="0" borderId="1" xfId="0" applyFont="1" applyBorder="1" applyAlignment="1">
      <alignment horizontal="center" vertical="center"/>
    </xf>
    <xf numFmtId="0" fontId="7" fillId="0" borderId="1" xfId="0" applyFont="1" applyBorder="1" applyAlignment="1">
      <alignment horizontal="left" vertical="center"/>
    </xf>
    <xf numFmtId="49" fontId="7" fillId="0" borderId="16" xfId="0" applyNumberFormat="1" applyFont="1" applyBorder="1" applyAlignment="1">
      <alignment horizontal="center" vertical="center" wrapText="1"/>
    </xf>
    <xf numFmtId="49" fontId="7" fillId="0" borderId="15" xfId="0" applyNumberFormat="1" applyFont="1" applyBorder="1" applyAlignment="1">
      <alignment horizontal="center" vertical="center" wrapText="1"/>
    </xf>
    <xf numFmtId="49" fontId="7" fillId="0" borderId="4" xfId="0" applyNumberFormat="1" applyFont="1" applyBorder="1" applyAlignment="1">
      <alignment horizontal="center" vertical="center" wrapText="1"/>
    </xf>
    <xf numFmtId="0" fontId="13" fillId="0" borderId="7" xfId="0" applyFont="1" applyBorder="1" applyAlignment="1">
      <alignment horizontal="center" vertical="center" wrapText="1"/>
    </xf>
    <xf numFmtId="0" fontId="13" fillId="0" borderId="6" xfId="0" applyFont="1" applyBorder="1" applyAlignment="1">
      <alignment horizontal="center" vertical="center" wrapText="1"/>
    </xf>
    <xf numFmtId="0" fontId="9" fillId="0" borderId="1" xfId="0" applyFont="1" applyBorder="1" applyAlignment="1">
      <alignment horizontal="left" vertical="center" wrapText="1"/>
    </xf>
    <xf numFmtId="0" fontId="11" fillId="0" borderId="0" xfId="0" applyFont="1" applyBorder="1" applyAlignment="1">
      <alignment horizontal="left" vertical="center" wrapText="1"/>
    </xf>
    <xf numFmtId="0" fontId="7" fillId="0" borderId="0" xfId="0" applyFont="1" applyBorder="1" applyAlignment="1">
      <alignment horizontal="left" vertical="center"/>
    </xf>
    <xf numFmtId="0" fontId="7" fillId="0" borderId="0" xfId="0" applyFont="1" applyBorder="1" applyAlignment="1">
      <alignment horizontal="center" vertical="center"/>
    </xf>
    <xf numFmtId="0" fontId="7" fillId="0" borderId="0" xfId="0" applyFont="1" applyBorder="1" applyAlignment="1">
      <alignment horizontal="center" vertical="center" wrapText="1"/>
    </xf>
    <xf numFmtId="0" fontId="10" fillId="0" borderId="0" xfId="0" applyFont="1" applyBorder="1" applyAlignment="1">
      <alignment horizontal="center" vertical="center"/>
    </xf>
    <xf numFmtId="0" fontId="9" fillId="0" borderId="0" xfId="0" applyFont="1" applyBorder="1" applyAlignment="1">
      <alignment horizontal="left" vertical="top"/>
    </xf>
    <xf numFmtId="0" fontId="9" fillId="0" borderId="0" xfId="0" applyFont="1" applyBorder="1" applyAlignment="1">
      <alignment horizontal="left" vertical="center" wrapText="1"/>
    </xf>
    <xf numFmtId="0" fontId="5" fillId="0" borderId="0" xfId="0" applyFont="1" applyBorder="1" applyAlignment="1">
      <alignment horizontal="left" vertical="top"/>
    </xf>
    <xf numFmtId="0" fontId="3" fillId="0" borderId="0" xfId="0" applyFont="1" applyBorder="1" applyAlignment="1">
      <alignment horizontal="left" vertical="top" wrapText="1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219075</xdr:colOff>
      <xdr:row>0</xdr:row>
      <xdr:rowOff>45720</xdr:rowOff>
    </xdr:from>
    <xdr:to>
      <xdr:col>11</xdr:col>
      <xdr:colOff>142875</xdr:colOff>
      <xdr:row>2</xdr:row>
      <xdr:rowOff>68580</xdr:rowOff>
    </xdr:to>
    <xdr:sp macro="" textlink="">
      <xdr:nvSpPr>
        <xdr:cNvPr id="2" name="テキスト ボックス 1"/>
        <xdr:cNvSpPr txBox="1"/>
      </xdr:nvSpPr>
      <xdr:spPr>
        <a:xfrm>
          <a:off x="9124950" y="45720"/>
          <a:ext cx="971550" cy="50863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000">
              <a:latin typeface="ＭＳ Ｐ明朝" panose="02020600040205080304" pitchFamily="18" charset="-128"/>
              <a:ea typeface="ＭＳ Ｐ明朝" panose="02020600040205080304" pitchFamily="18" charset="-128"/>
            </a:rPr>
            <a:t>獨協大学</a:t>
          </a:r>
          <a:endParaRPr kumimoji="1" lang="en-US" altLang="ja-JP" sz="1000">
            <a:latin typeface="ＭＳ Ｐ明朝" panose="02020600040205080304" pitchFamily="18" charset="-128"/>
            <a:ea typeface="ＭＳ Ｐ明朝" panose="02020600040205080304" pitchFamily="18" charset="-128"/>
          </a:endParaRPr>
        </a:p>
        <a:p>
          <a:r>
            <a:rPr kumimoji="1" lang="en-US" altLang="ja-JP" sz="1000">
              <a:latin typeface="ＭＳ Ｐ明朝" panose="02020600040205080304" pitchFamily="18" charset="-128"/>
              <a:ea typeface="ＭＳ Ｐ明朝" panose="02020600040205080304" pitchFamily="18" charset="-128"/>
            </a:rPr>
            <a:t>2022</a:t>
          </a:r>
          <a:r>
            <a:rPr kumimoji="1" lang="ja-JP" altLang="en-US" sz="1000">
              <a:latin typeface="ＭＳ Ｐ明朝" panose="02020600040205080304" pitchFamily="18" charset="-128"/>
              <a:ea typeface="ＭＳ Ｐ明朝" panose="02020600040205080304" pitchFamily="18" charset="-128"/>
            </a:rPr>
            <a:t>年</a:t>
          </a:r>
          <a:r>
            <a:rPr kumimoji="1" lang="en-US" altLang="ja-JP" sz="1000">
              <a:latin typeface="ＭＳ Ｐ明朝" panose="02020600040205080304" pitchFamily="18" charset="-128"/>
              <a:ea typeface="ＭＳ Ｐ明朝" panose="02020600040205080304" pitchFamily="18" charset="-128"/>
            </a:rPr>
            <a:t>8</a:t>
          </a:r>
          <a:r>
            <a:rPr kumimoji="1" lang="ja-JP" altLang="en-US" sz="1000">
              <a:latin typeface="ＭＳ Ｐ明朝" panose="02020600040205080304" pitchFamily="18" charset="-128"/>
              <a:ea typeface="ＭＳ Ｐ明朝" panose="02020600040205080304" pitchFamily="18" charset="-128"/>
            </a:rPr>
            <a:t>月</a:t>
          </a:r>
          <a:endParaRPr kumimoji="1" lang="en-US" altLang="ja-JP" sz="1000">
            <a:latin typeface="ＭＳ Ｐ明朝" panose="02020600040205080304" pitchFamily="18" charset="-128"/>
            <a:ea typeface="ＭＳ Ｐ明朝" panose="02020600040205080304" pitchFamily="18" charset="-128"/>
          </a:endParaRPr>
        </a:p>
        <a:p>
          <a:r>
            <a:rPr kumimoji="1" lang="ja-JP" altLang="en-US" sz="1000">
              <a:latin typeface="ＭＳ Ｐ明朝" panose="02020600040205080304" pitchFamily="18" charset="-128"/>
              <a:ea typeface="ＭＳ Ｐ明朝" panose="02020600040205080304" pitchFamily="18" charset="-128"/>
            </a:rPr>
            <a:t>月</a:t>
          </a:r>
        </a:p>
      </xdr:txBody>
    </xdr:sp>
    <xdr:clientData/>
  </xdr:twoCellAnchor>
  <xdr:twoCellAnchor>
    <xdr:from>
      <xdr:col>2</xdr:col>
      <xdr:colOff>1297306</xdr:colOff>
      <xdr:row>58</xdr:row>
      <xdr:rowOff>1905</xdr:rowOff>
    </xdr:from>
    <xdr:to>
      <xdr:col>2</xdr:col>
      <xdr:colOff>1306830</xdr:colOff>
      <xdr:row>62</xdr:row>
      <xdr:rowOff>167640</xdr:rowOff>
    </xdr:to>
    <xdr:cxnSp macro="">
      <xdr:nvCxnSpPr>
        <xdr:cNvPr id="5" name="直線コネクタ 4"/>
        <xdr:cNvCxnSpPr/>
      </xdr:nvCxnSpPr>
      <xdr:spPr>
        <a:xfrm>
          <a:off x="1754506" y="13184505"/>
          <a:ext cx="9524" cy="1217295"/>
        </a:xfrm>
        <a:prstGeom prst="line">
          <a:avLst/>
        </a:prstGeom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219075</xdr:colOff>
      <xdr:row>0</xdr:row>
      <xdr:rowOff>45720</xdr:rowOff>
    </xdr:from>
    <xdr:to>
      <xdr:col>11</xdr:col>
      <xdr:colOff>142875</xdr:colOff>
      <xdr:row>2</xdr:row>
      <xdr:rowOff>68580</xdr:rowOff>
    </xdr:to>
    <xdr:sp macro="" textlink="">
      <xdr:nvSpPr>
        <xdr:cNvPr id="2" name="テキスト ボックス 1"/>
        <xdr:cNvSpPr txBox="1"/>
      </xdr:nvSpPr>
      <xdr:spPr>
        <a:xfrm>
          <a:off x="9124950" y="45720"/>
          <a:ext cx="971550" cy="508635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t"/>
        <a:lstStyle/>
        <a:p>
          <a:r>
            <a:rPr kumimoji="1" lang="ja-JP" altLang="en-US" sz="1000">
              <a:latin typeface="ＭＳ Ｐ明朝" panose="02020600040205080304" pitchFamily="18" charset="-128"/>
              <a:ea typeface="ＭＳ Ｐ明朝" panose="02020600040205080304" pitchFamily="18" charset="-128"/>
            </a:rPr>
            <a:t>獨協大学</a:t>
          </a:r>
          <a:endParaRPr kumimoji="1" lang="en-US" altLang="ja-JP" sz="1000">
            <a:latin typeface="ＭＳ Ｐ明朝" panose="02020600040205080304" pitchFamily="18" charset="-128"/>
            <a:ea typeface="ＭＳ Ｐ明朝" panose="02020600040205080304" pitchFamily="18" charset="-128"/>
          </a:endParaRPr>
        </a:p>
        <a:p>
          <a:r>
            <a:rPr kumimoji="1" lang="en-US" altLang="ja-JP" sz="1000">
              <a:latin typeface="ＭＳ Ｐ明朝" panose="02020600040205080304" pitchFamily="18" charset="-128"/>
              <a:ea typeface="ＭＳ Ｐ明朝" panose="02020600040205080304" pitchFamily="18" charset="-128"/>
            </a:rPr>
            <a:t>2022</a:t>
          </a:r>
          <a:r>
            <a:rPr kumimoji="1" lang="ja-JP" altLang="en-US" sz="1000">
              <a:latin typeface="ＭＳ Ｐ明朝" panose="02020600040205080304" pitchFamily="18" charset="-128"/>
              <a:ea typeface="ＭＳ Ｐ明朝" panose="02020600040205080304" pitchFamily="18" charset="-128"/>
            </a:rPr>
            <a:t>年</a:t>
          </a:r>
          <a:r>
            <a:rPr kumimoji="1" lang="en-US" altLang="ja-JP" sz="1000">
              <a:latin typeface="ＭＳ Ｐ明朝" panose="02020600040205080304" pitchFamily="18" charset="-128"/>
              <a:ea typeface="ＭＳ Ｐ明朝" panose="02020600040205080304" pitchFamily="18" charset="-128"/>
            </a:rPr>
            <a:t>2</a:t>
          </a:r>
          <a:r>
            <a:rPr kumimoji="1" lang="ja-JP" altLang="en-US" sz="1000">
              <a:latin typeface="ＭＳ Ｐ明朝" panose="02020600040205080304" pitchFamily="18" charset="-128"/>
              <a:ea typeface="ＭＳ Ｐ明朝" panose="02020600040205080304" pitchFamily="18" charset="-128"/>
            </a:rPr>
            <a:t>月</a:t>
          </a:r>
          <a:endParaRPr kumimoji="1" lang="en-US" altLang="ja-JP" sz="1000">
            <a:latin typeface="ＭＳ Ｐ明朝" panose="02020600040205080304" pitchFamily="18" charset="-128"/>
            <a:ea typeface="ＭＳ Ｐ明朝" panose="02020600040205080304" pitchFamily="18" charset="-128"/>
          </a:endParaRPr>
        </a:p>
        <a:p>
          <a:endParaRPr kumimoji="1" lang="ja-JP" altLang="en-US" sz="1000">
            <a:latin typeface="ＭＳ Ｐ明朝" panose="02020600040205080304" pitchFamily="18" charset="-128"/>
            <a:ea typeface="ＭＳ Ｐ明朝" panose="02020600040205080304" pitchFamily="18" charset="-128"/>
          </a:endParaRP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L63"/>
  <sheetViews>
    <sheetView showGridLines="0" tabSelected="1" topLeftCell="A10" zoomScaleNormal="100" workbookViewId="0">
      <selection activeCell="L61" sqref="L61"/>
    </sheetView>
  </sheetViews>
  <sheetFormatPr defaultColWidth="9" defaultRowHeight="13.5" x14ac:dyDescent="0.15"/>
  <cols>
    <col min="1" max="1" width="2.625" style="1" customWidth="1"/>
    <col min="2" max="2" width="4" style="1" customWidth="1"/>
    <col min="3" max="3" width="24.5" style="1" customWidth="1"/>
    <col min="4" max="4" width="3.25" style="1" customWidth="1"/>
    <col min="5" max="11" width="13.75" style="1" customWidth="1"/>
    <col min="12" max="12" width="15.125" style="1" customWidth="1"/>
    <col min="13" max="16384" width="9" style="1"/>
  </cols>
  <sheetData>
    <row r="1" spans="2:12" ht="29.45" customHeight="1" x14ac:dyDescent="0.15">
      <c r="B1" s="72" t="s">
        <v>34</v>
      </c>
      <c r="C1" s="72"/>
      <c r="D1" s="72"/>
      <c r="E1" s="72"/>
      <c r="F1" s="72"/>
      <c r="G1" s="72"/>
      <c r="H1" s="72"/>
      <c r="I1" s="72"/>
      <c r="J1" s="72"/>
      <c r="K1" s="22"/>
    </row>
    <row r="2" spans="2:12" ht="9.6" customHeight="1" x14ac:dyDescent="0.15">
      <c r="B2" s="73"/>
      <c r="C2" s="73"/>
      <c r="D2" s="73"/>
      <c r="E2" s="73"/>
      <c r="F2" s="73"/>
      <c r="G2" s="73"/>
      <c r="H2" s="73"/>
      <c r="I2" s="73"/>
      <c r="J2" s="73"/>
      <c r="K2" s="2"/>
      <c r="L2" s="2"/>
    </row>
    <row r="3" spans="2:12" ht="25.15" customHeight="1" x14ac:dyDescent="0.15">
      <c r="B3" s="82" t="s">
        <v>41</v>
      </c>
      <c r="C3" s="83"/>
      <c r="D3" s="83"/>
      <c r="E3" s="83"/>
      <c r="F3" s="83"/>
      <c r="G3" s="83"/>
      <c r="H3" s="83"/>
      <c r="I3" s="83"/>
      <c r="J3" s="83"/>
      <c r="K3" s="84"/>
      <c r="L3" s="2"/>
    </row>
    <row r="4" spans="2:12" ht="21.75" customHeight="1" x14ac:dyDescent="0.15">
      <c r="B4" s="74" t="s">
        <v>37</v>
      </c>
      <c r="C4" s="75"/>
      <c r="D4" s="75"/>
      <c r="E4" s="75"/>
      <c r="F4" s="75"/>
      <c r="G4" s="75"/>
      <c r="H4" s="75"/>
      <c r="I4" s="75"/>
      <c r="J4" s="75"/>
      <c r="K4" s="76"/>
      <c r="L4" s="2"/>
    </row>
    <row r="5" spans="2:12" ht="22.9" customHeight="1" x14ac:dyDescent="0.15">
      <c r="B5" s="85"/>
      <c r="C5" s="85"/>
      <c r="D5" s="86" t="s">
        <v>27</v>
      </c>
      <c r="E5" s="86"/>
      <c r="F5" s="86"/>
      <c r="G5" s="86"/>
      <c r="H5" s="86"/>
      <c r="I5" s="86"/>
      <c r="J5" s="86"/>
      <c r="K5" s="86"/>
      <c r="L5" s="2"/>
    </row>
    <row r="6" spans="2:12" ht="25.15" customHeight="1" x14ac:dyDescent="0.15">
      <c r="B6" s="86" t="s">
        <v>25</v>
      </c>
      <c r="C6" s="86"/>
      <c r="D6" s="77"/>
      <c r="E6" s="78"/>
      <c r="F6" s="78"/>
      <c r="G6" s="38"/>
      <c r="H6" s="28" t="s">
        <v>26</v>
      </c>
      <c r="I6" s="79"/>
      <c r="J6" s="80"/>
      <c r="K6" s="81"/>
      <c r="L6" s="4"/>
    </row>
    <row r="7" spans="2:12" ht="27" customHeight="1" x14ac:dyDescent="0.15">
      <c r="B7" s="92" t="s">
        <v>42</v>
      </c>
      <c r="C7" s="92"/>
      <c r="D7" s="87"/>
      <c r="E7" s="88"/>
      <c r="F7" s="88"/>
      <c r="G7" s="89"/>
      <c r="H7" s="90" t="s">
        <v>44</v>
      </c>
      <c r="I7" s="91"/>
      <c r="J7" s="48" t="s">
        <v>43</v>
      </c>
      <c r="K7" s="48"/>
      <c r="L7" s="4"/>
    </row>
    <row r="8" spans="2:12" ht="35.25" customHeight="1" x14ac:dyDescent="0.15">
      <c r="B8" s="93" t="s">
        <v>40</v>
      </c>
      <c r="C8" s="93"/>
      <c r="D8" s="93"/>
      <c r="E8" s="93"/>
      <c r="F8" s="93"/>
      <c r="G8" s="93"/>
      <c r="H8" s="93"/>
      <c r="I8" s="93"/>
      <c r="J8" s="93"/>
      <c r="K8" s="93"/>
      <c r="L8" s="4"/>
    </row>
    <row r="9" spans="2:12" ht="20.25" customHeight="1" x14ac:dyDescent="0.15">
      <c r="B9" s="3"/>
      <c r="C9" s="54"/>
      <c r="D9" s="55"/>
      <c r="E9" s="23" t="s">
        <v>1</v>
      </c>
      <c r="F9" s="23" t="s">
        <v>2</v>
      </c>
      <c r="G9" s="23" t="s">
        <v>3</v>
      </c>
      <c r="H9" s="23" t="s">
        <v>4</v>
      </c>
      <c r="I9" s="23" t="s">
        <v>5</v>
      </c>
      <c r="J9" s="23" t="s">
        <v>6</v>
      </c>
      <c r="K9" s="23" t="s">
        <v>7</v>
      </c>
      <c r="L9" s="4"/>
    </row>
    <row r="10" spans="2:12" ht="18" customHeight="1" x14ac:dyDescent="0.15">
      <c r="B10" s="49" t="s">
        <v>35</v>
      </c>
      <c r="C10" s="52" t="s">
        <v>8</v>
      </c>
      <c r="D10" s="53"/>
      <c r="E10" s="37" t="s">
        <v>0</v>
      </c>
      <c r="F10" s="37" t="s">
        <v>0</v>
      </c>
      <c r="G10" s="37" t="s">
        <v>0</v>
      </c>
      <c r="H10" s="37" t="s">
        <v>0</v>
      </c>
      <c r="I10" s="37" t="s">
        <v>0</v>
      </c>
      <c r="J10" s="37" t="s">
        <v>0</v>
      </c>
      <c r="K10" s="37" t="s">
        <v>0</v>
      </c>
      <c r="L10" s="4"/>
    </row>
    <row r="11" spans="2:12" ht="16.899999999999999" customHeight="1" x14ac:dyDescent="0.15">
      <c r="B11" s="50"/>
      <c r="C11" s="5" t="s">
        <v>38</v>
      </c>
      <c r="D11" s="18"/>
      <c r="E11" s="24"/>
      <c r="F11" s="24"/>
      <c r="G11" s="24"/>
      <c r="H11" s="24"/>
      <c r="I11" s="24"/>
      <c r="J11" s="24"/>
      <c r="K11" s="24"/>
    </row>
    <row r="12" spans="2:12" ht="16.899999999999999" customHeight="1" x14ac:dyDescent="0.15">
      <c r="B12" s="50"/>
      <c r="C12" s="5" t="s">
        <v>9</v>
      </c>
      <c r="D12" s="18"/>
      <c r="E12" s="24"/>
      <c r="F12" s="24"/>
      <c r="G12" s="24"/>
      <c r="H12" s="24"/>
      <c r="I12" s="24"/>
      <c r="J12" s="24"/>
      <c r="K12" s="24"/>
    </row>
    <row r="13" spans="2:12" ht="16.899999999999999" customHeight="1" x14ac:dyDescent="0.15">
      <c r="B13" s="50"/>
      <c r="C13" s="5" t="s">
        <v>10</v>
      </c>
      <c r="D13" s="18"/>
      <c r="E13" s="24"/>
      <c r="F13" s="24"/>
      <c r="G13" s="24"/>
      <c r="H13" s="24"/>
      <c r="I13" s="24"/>
      <c r="J13" s="24"/>
      <c r="K13" s="24"/>
    </row>
    <row r="14" spans="2:12" ht="16.899999999999999" customHeight="1" x14ac:dyDescent="0.15">
      <c r="B14" s="50"/>
      <c r="C14" s="5" t="s">
        <v>11</v>
      </c>
      <c r="D14" s="18"/>
      <c r="E14" s="24"/>
      <c r="F14" s="24"/>
      <c r="G14" s="24"/>
      <c r="H14" s="24"/>
      <c r="I14" s="24"/>
      <c r="J14" s="24"/>
      <c r="K14" s="24"/>
    </row>
    <row r="15" spans="2:12" ht="16.899999999999999" customHeight="1" x14ac:dyDescent="0.15">
      <c r="B15" s="50"/>
      <c r="C15" s="5" t="s">
        <v>12</v>
      </c>
      <c r="D15" s="18"/>
      <c r="E15" s="24"/>
      <c r="F15" s="24"/>
      <c r="G15" s="24"/>
      <c r="H15" s="24"/>
      <c r="I15" s="24"/>
      <c r="J15" s="24"/>
      <c r="K15" s="24"/>
    </row>
    <row r="16" spans="2:12" ht="16.899999999999999" customHeight="1" x14ac:dyDescent="0.15">
      <c r="B16" s="50"/>
      <c r="C16" s="5" t="s">
        <v>13</v>
      </c>
      <c r="D16" s="18"/>
      <c r="E16" s="24"/>
      <c r="F16" s="24"/>
      <c r="G16" s="24"/>
      <c r="H16" s="24"/>
      <c r="I16" s="24"/>
      <c r="J16" s="24"/>
      <c r="K16" s="24"/>
    </row>
    <row r="17" spans="2:12" ht="16.899999999999999" customHeight="1" x14ac:dyDescent="0.15">
      <c r="B17" s="50"/>
      <c r="C17" s="9" t="s">
        <v>14</v>
      </c>
      <c r="D17" s="19"/>
      <c r="E17" s="25"/>
      <c r="F17" s="25"/>
      <c r="G17" s="25"/>
      <c r="H17" s="25"/>
      <c r="I17" s="25"/>
      <c r="J17" s="25"/>
      <c r="K17" s="25"/>
    </row>
    <row r="18" spans="2:12" ht="16.899999999999999" customHeight="1" x14ac:dyDescent="0.15">
      <c r="B18" s="50"/>
      <c r="C18" s="9" t="s">
        <v>15</v>
      </c>
      <c r="D18" s="20"/>
      <c r="E18" s="25"/>
      <c r="F18" s="25"/>
      <c r="G18" s="25"/>
      <c r="H18" s="25"/>
      <c r="I18" s="25"/>
      <c r="J18" s="25"/>
      <c r="K18" s="25"/>
    </row>
    <row r="19" spans="2:12" ht="16.899999999999999" customHeight="1" x14ac:dyDescent="0.15">
      <c r="B19" s="50"/>
      <c r="C19" s="9" t="s">
        <v>16</v>
      </c>
      <c r="D19" s="20"/>
      <c r="E19" s="25"/>
      <c r="F19" s="25"/>
      <c r="G19" s="25"/>
      <c r="H19" s="25"/>
      <c r="I19" s="25"/>
      <c r="J19" s="25"/>
      <c r="K19" s="25"/>
    </row>
    <row r="20" spans="2:12" ht="16.899999999999999" customHeight="1" x14ac:dyDescent="0.15">
      <c r="B20" s="51"/>
      <c r="C20" s="17" t="s">
        <v>17</v>
      </c>
      <c r="D20" s="21"/>
      <c r="E20" s="26"/>
      <c r="F20" s="26"/>
      <c r="G20" s="26"/>
      <c r="H20" s="26"/>
      <c r="I20" s="26"/>
      <c r="J20" s="26"/>
      <c r="K20" s="26"/>
    </row>
    <row r="21" spans="2:12" ht="18" customHeight="1" x14ac:dyDescent="0.15">
      <c r="B21" s="49" t="s">
        <v>36</v>
      </c>
      <c r="C21" s="52" t="s">
        <v>8</v>
      </c>
      <c r="D21" s="53"/>
      <c r="E21" s="37" t="s">
        <v>0</v>
      </c>
      <c r="F21" s="37" t="s">
        <v>0</v>
      </c>
      <c r="G21" s="37" t="s">
        <v>0</v>
      </c>
      <c r="H21" s="37" t="s">
        <v>0</v>
      </c>
      <c r="I21" s="37" t="s">
        <v>0</v>
      </c>
      <c r="J21" s="37" t="s">
        <v>0</v>
      </c>
      <c r="K21" s="37" t="s">
        <v>0</v>
      </c>
      <c r="L21" s="4"/>
    </row>
    <row r="22" spans="2:12" ht="16.899999999999999" customHeight="1" x14ac:dyDescent="0.15">
      <c r="B22" s="50"/>
      <c r="C22" s="5" t="s">
        <v>38</v>
      </c>
      <c r="D22" s="18"/>
      <c r="E22" s="24"/>
      <c r="F22" s="24"/>
      <c r="G22" s="24"/>
      <c r="H22" s="24"/>
      <c r="I22" s="24"/>
      <c r="J22" s="24"/>
      <c r="K22" s="24"/>
    </row>
    <row r="23" spans="2:12" ht="16.899999999999999" customHeight="1" x14ac:dyDescent="0.15">
      <c r="B23" s="50"/>
      <c r="C23" s="5" t="s">
        <v>9</v>
      </c>
      <c r="D23" s="18"/>
      <c r="E23" s="24"/>
      <c r="F23" s="24"/>
      <c r="G23" s="24"/>
      <c r="H23" s="24"/>
      <c r="I23" s="24"/>
      <c r="J23" s="24"/>
      <c r="K23" s="24"/>
    </row>
    <row r="24" spans="2:12" ht="16.899999999999999" customHeight="1" x14ac:dyDescent="0.15">
      <c r="B24" s="50"/>
      <c r="C24" s="5" t="s">
        <v>10</v>
      </c>
      <c r="D24" s="18"/>
      <c r="E24" s="24"/>
      <c r="F24" s="24"/>
      <c r="G24" s="24"/>
      <c r="H24" s="24"/>
      <c r="I24" s="24"/>
      <c r="J24" s="24"/>
      <c r="K24" s="24"/>
    </row>
    <row r="25" spans="2:12" ht="16.899999999999999" customHeight="1" x14ac:dyDescent="0.15">
      <c r="B25" s="50"/>
      <c r="C25" s="5" t="s">
        <v>11</v>
      </c>
      <c r="D25" s="18"/>
      <c r="E25" s="24"/>
      <c r="F25" s="24"/>
      <c r="G25" s="24"/>
      <c r="H25" s="24"/>
      <c r="I25" s="24"/>
      <c r="J25" s="24"/>
      <c r="K25" s="24"/>
    </row>
    <row r="26" spans="2:12" ht="16.899999999999999" customHeight="1" x14ac:dyDescent="0.15">
      <c r="B26" s="50"/>
      <c r="C26" s="5" t="s">
        <v>12</v>
      </c>
      <c r="D26" s="18"/>
      <c r="E26" s="24"/>
      <c r="F26" s="24"/>
      <c r="G26" s="24"/>
      <c r="H26" s="24"/>
      <c r="I26" s="24"/>
      <c r="J26" s="24"/>
      <c r="K26" s="24"/>
    </row>
    <row r="27" spans="2:12" ht="16.899999999999999" customHeight="1" x14ac:dyDescent="0.15">
      <c r="B27" s="50"/>
      <c r="C27" s="5" t="s">
        <v>13</v>
      </c>
      <c r="D27" s="18"/>
      <c r="E27" s="24"/>
      <c r="F27" s="24"/>
      <c r="G27" s="24"/>
      <c r="H27" s="24"/>
      <c r="I27" s="24"/>
      <c r="J27" s="24"/>
      <c r="K27" s="24"/>
    </row>
    <row r="28" spans="2:12" ht="16.899999999999999" customHeight="1" x14ac:dyDescent="0.15">
      <c r="B28" s="50"/>
      <c r="C28" s="9" t="s">
        <v>14</v>
      </c>
      <c r="D28" s="19"/>
      <c r="E28" s="25"/>
      <c r="F28" s="25"/>
      <c r="G28" s="25"/>
      <c r="H28" s="25"/>
      <c r="I28" s="25"/>
      <c r="J28" s="25"/>
      <c r="K28" s="25"/>
    </row>
    <row r="29" spans="2:12" ht="16.899999999999999" customHeight="1" x14ac:dyDescent="0.15">
      <c r="B29" s="50"/>
      <c r="C29" s="9" t="s">
        <v>15</v>
      </c>
      <c r="D29" s="20"/>
      <c r="E29" s="25"/>
      <c r="F29" s="25"/>
      <c r="G29" s="25"/>
      <c r="H29" s="25"/>
      <c r="I29" s="25"/>
      <c r="J29" s="25"/>
      <c r="K29" s="25"/>
    </row>
    <row r="30" spans="2:12" ht="16.899999999999999" customHeight="1" x14ac:dyDescent="0.15">
      <c r="B30" s="50"/>
      <c r="C30" s="9" t="s">
        <v>16</v>
      </c>
      <c r="D30" s="20"/>
      <c r="E30" s="25"/>
      <c r="F30" s="25"/>
      <c r="G30" s="25"/>
      <c r="H30" s="25"/>
      <c r="I30" s="25"/>
      <c r="J30" s="25"/>
      <c r="K30" s="25"/>
    </row>
    <row r="31" spans="2:12" ht="16.899999999999999" customHeight="1" x14ac:dyDescent="0.15">
      <c r="B31" s="51"/>
      <c r="C31" s="17" t="s">
        <v>17</v>
      </c>
      <c r="D31" s="21"/>
      <c r="E31" s="26"/>
      <c r="F31" s="26"/>
      <c r="G31" s="26"/>
      <c r="H31" s="26"/>
      <c r="I31" s="26"/>
      <c r="J31" s="26"/>
      <c r="K31" s="26"/>
    </row>
    <row r="32" spans="2:12" x14ac:dyDescent="0.15">
      <c r="B32" s="6"/>
      <c r="C32" s="7"/>
      <c r="D32" s="8"/>
      <c r="E32" s="7"/>
      <c r="F32" s="8"/>
      <c r="G32" s="7"/>
      <c r="H32" s="8"/>
      <c r="I32" s="7"/>
      <c r="J32" s="8"/>
      <c r="K32" s="7"/>
    </row>
    <row r="33" spans="2:12" ht="20.25" customHeight="1" x14ac:dyDescent="0.15">
      <c r="B33" s="3"/>
      <c r="C33" s="54"/>
      <c r="D33" s="55"/>
      <c r="E33" s="23" t="s">
        <v>18</v>
      </c>
      <c r="F33" s="23" t="s">
        <v>19</v>
      </c>
      <c r="G33" s="23" t="s">
        <v>20</v>
      </c>
      <c r="H33" s="23" t="s">
        <v>21</v>
      </c>
      <c r="I33" s="23" t="s">
        <v>22</v>
      </c>
      <c r="J33" s="23" t="s">
        <v>23</v>
      </c>
      <c r="K33" s="23" t="s">
        <v>24</v>
      </c>
      <c r="L33" s="4"/>
    </row>
    <row r="34" spans="2:12" ht="18" customHeight="1" x14ac:dyDescent="0.15">
      <c r="B34" s="49" t="s">
        <v>35</v>
      </c>
      <c r="C34" s="52" t="s">
        <v>8</v>
      </c>
      <c r="D34" s="53"/>
      <c r="E34" s="37" t="s">
        <v>0</v>
      </c>
      <c r="F34" s="37" t="s">
        <v>0</v>
      </c>
      <c r="G34" s="37" t="s">
        <v>0</v>
      </c>
      <c r="H34" s="37" t="s">
        <v>0</v>
      </c>
      <c r="I34" s="37" t="s">
        <v>0</v>
      </c>
      <c r="J34" s="37" t="s">
        <v>0</v>
      </c>
      <c r="K34" s="37" t="s">
        <v>0</v>
      </c>
      <c r="L34" s="4"/>
    </row>
    <row r="35" spans="2:12" ht="16.899999999999999" customHeight="1" x14ac:dyDescent="0.15">
      <c r="B35" s="50"/>
      <c r="C35" s="5" t="s">
        <v>38</v>
      </c>
      <c r="D35" s="18"/>
      <c r="E35" s="24"/>
      <c r="F35" s="24"/>
      <c r="G35" s="24"/>
      <c r="H35" s="24"/>
      <c r="I35" s="24"/>
      <c r="J35" s="24"/>
      <c r="K35" s="24"/>
    </row>
    <row r="36" spans="2:12" ht="16.899999999999999" customHeight="1" x14ac:dyDescent="0.15">
      <c r="B36" s="50"/>
      <c r="C36" s="5" t="s">
        <v>9</v>
      </c>
      <c r="D36" s="18"/>
      <c r="E36" s="24"/>
      <c r="F36" s="24"/>
      <c r="G36" s="24"/>
      <c r="H36" s="24"/>
      <c r="I36" s="24"/>
      <c r="J36" s="24"/>
      <c r="K36" s="24"/>
    </row>
    <row r="37" spans="2:12" ht="16.899999999999999" customHeight="1" x14ac:dyDescent="0.15">
      <c r="B37" s="50"/>
      <c r="C37" s="5" t="s">
        <v>10</v>
      </c>
      <c r="D37" s="18"/>
      <c r="E37" s="24"/>
      <c r="F37" s="24"/>
      <c r="G37" s="24"/>
      <c r="H37" s="24"/>
      <c r="I37" s="24"/>
      <c r="J37" s="24"/>
      <c r="K37" s="24"/>
    </row>
    <row r="38" spans="2:12" ht="16.899999999999999" customHeight="1" x14ac:dyDescent="0.15">
      <c r="B38" s="50"/>
      <c r="C38" s="5" t="s">
        <v>11</v>
      </c>
      <c r="D38" s="18"/>
      <c r="E38" s="24"/>
      <c r="F38" s="24"/>
      <c r="G38" s="24"/>
      <c r="H38" s="24"/>
      <c r="I38" s="24"/>
      <c r="J38" s="24"/>
      <c r="K38" s="24"/>
    </row>
    <row r="39" spans="2:12" ht="16.899999999999999" customHeight="1" x14ac:dyDescent="0.15">
      <c r="B39" s="50"/>
      <c r="C39" s="5" t="s">
        <v>12</v>
      </c>
      <c r="D39" s="18"/>
      <c r="E39" s="24"/>
      <c r="F39" s="24"/>
      <c r="G39" s="24"/>
      <c r="H39" s="24"/>
      <c r="I39" s="24"/>
      <c r="J39" s="24"/>
      <c r="K39" s="24"/>
    </row>
    <row r="40" spans="2:12" ht="16.899999999999999" customHeight="1" x14ac:dyDescent="0.15">
      <c r="B40" s="50"/>
      <c r="C40" s="5" t="s">
        <v>13</v>
      </c>
      <c r="D40" s="18"/>
      <c r="E40" s="24"/>
      <c r="F40" s="24"/>
      <c r="G40" s="24"/>
      <c r="H40" s="24"/>
      <c r="I40" s="24"/>
      <c r="J40" s="24"/>
      <c r="K40" s="24"/>
    </row>
    <row r="41" spans="2:12" ht="16.899999999999999" customHeight="1" x14ac:dyDescent="0.15">
      <c r="B41" s="50"/>
      <c r="C41" s="9" t="s">
        <v>14</v>
      </c>
      <c r="D41" s="19"/>
      <c r="E41" s="25"/>
      <c r="F41" s="25"/>
      <c r="G41" s="25"/>
      <c r="H41" s="25"/>
      <c r="I41" s="25"/>
      <c r="J41" s="25"/>
      <c r="K41" s="25"/>
    </row>
    <row r="42" spans="2:12" ht="16.899999999999999" customHeight="1" x14ac:dyDescent="0.15">
      <c r="B42" s="50"/>
      <c r="C42" s="9" t="s">
        <v>15</v>
      </c>
      <c r="D42" s="20"/>
      <c r="E42" s="25"/>
      <c r="F42" s="25"/>
      <c r="G42" s="25"/>
      <c r="H42" s="25"/>
      <c r="I42" s="25"/>
      <c r="J42" s="25"/>
      <c r="K42" s="25"/>
    </row>
    <row r="43" spans="2:12" ht="16.899999999999999" customHeight="1" x14ac:dyDescent="0.15">
      <c r="B43" s="50"/>
      <c r="C43" s="9" t="s">
        <v>16</v>
      </c>
      <c r="D43" s="20"/>
      <c r="E43" s="25"/>
      <c r="F43" s="25"/>
      <c r="G43" s="25"/>
      <c r="H43" s="25"/>
      <c r="I43" s="25"/>
      <c r="J43" s="25"/>
      <c r="K43" s="25"/>
    </row>
    <row r="44" spans="2:12" ht="16.899999999999999" customHeight="1" x14ac:dyDescent="0.15">
      <c r="B44" s="51"/>
      <c r="C44" s="17" t="s">
        <v>17</v>
      </c>
      <c r="D44" s="21"/>
      <c r="E44" s="26"/>
      <c r="F44" s="26"/>
      <c r="G44" s="26"/>
      <c r="H44" s="26"/>
      <c r="I44" s="26"/>
      <c r="J44" s="26"/>
      <c r="K44" s="26"/>
    </row>
    <row r="45" spans="2:12" ht="18" customHeight="1" x14ac:dyDescent="0.15">
      <c r="B45" s="49" t="s">
        <v>36</v>
      </c>
      <c r="C45" s="52" t="s">
        <v>8</v>
      </c>
      <c r="D45" s="53"/>
      <c r="E45" s="37" t="s">
        <v>0</v>
      </c>
      <c r="F45" s="37" t="s">
        <v>0</v>
      </c>
      <c r="G45" s="37" t="s">
        <v>0</v>
      </c>
      <c r="H45" s="37" t="s">
        <v>0</v>
      </c>
      <c r="I45" s="37" t="s">
        <v>0</v>
      </c>
      <c r="J45" s="37" t="s">
        <v>0</v>
      </c>
      <c r="K45" s="37" t="s">
        <v>0</v>
      </c>
      <c r="L45" s="4"/>
    </row>
    <row r="46" spans="2:12" ht="16.899999999999999" customHeight="1" x14ac:dyDescent="0.15">
      <c r="B46" s="50"/>
      <c r="C46" s="5" t="s">
        <v>38</v>
      </c>
      <c r="D46" s="18"/>
      <c r="E46" s="24"/>
      <c r="F46" s="24"/>
      <c r="G46" s="24"/>
      <c r="H46" s="24"/>
      <c r="I46" s="24"/>
      <c r="J46" s="24"/>
      <c r="K46" s="24"/>
    </row>
    <row r="47" spans="2:12" ht="16.899999999999999" customHeight="1" x14ac:dyDescent="0.15">
      <c r="B47" s="50"/>
      <c r="C47" s="5" t="s">
        <v>9</v>
      </c>
      <c r="D47" s="18"/>
      <c r="E47" s="24"/>
      <c r="F47" s="24"/>
      <c r="G47" s="24"/>
      <c r="H47" s="24"/>
      <c r="I47" s="24"/>
      <c r="J47" s="24"/>
      <c r="K47" s="24"/>
    </row>
    <row r="48" spans="2:12" ht="16.899999999999999" customHeight="1" x14ac:dyDescent="0.15">
      <c r="B48" s="50"/>
      <c r="C48" s="5" t="s">
        <v>10</v>
      </c>
      <c r="D48" s="18"/>
      <c r="E48" s="24"/>
      <c r="F48" s="24"/>
      <c r="G48" s="24"/>
      <c r="H48" s="24"/>
      <c r="I48" s="24"/>
      <c r="J48" s="24"/>
      <c r="K48" s="24"/>
    </row>
    <row r="49" spans="2:11" ht="16.899999999999999" customHeight="1" x14ac:dyDescent="0.15">
      <c r="B49" s="50"/>
      <c r="C49" s="5" t="s">
        <v>11</v>
      </c>
      <c r="D49" s="18"/>
      <c r="E49" s="24"/>
      <c r="F49" s="24"/>
      <c r="G49" s="24"/>
      <c r="H49" s="24"/>
      <c r="I49" s="24"/>
      <c r="J49" s="24"/>
      <c r="K49" s="24"/>
    </row>
    <row r="50" spans="2:11" ht="16.899999999999999" customHeight="1" x14ac:dyDescent="0.15">
      <c r="B50" s="50"/>
      <c r="C50" s="5" t="s">
        <v>12</v>
      </c>
      <c r="D50" s="18"/>
      <c r="E50" s="24"/>
      <c r="F50" s="24"/>
      <c r="G50" s="24"/>
      <c r="H50" s="24"/>
      <c r="I50" s="24"/>
      <c r="J50" s="24"/>
      <c r="K50" s="24"/>
    </row>
    <row r="51" spans="2:11" ht="16.899999999999999" customHeight="1" x14ac:dyDescent="0.15">
      <c r="B51" s="50"/>
      <c r="C51" s="5" t="s">
        <v>13</v>
      </c>
      <c r="D51" s="18"/>
      <c r="E51" s="24"/>
      <c r="F51" s="24"/>
      <c r="G51" s="24"/>
      <c r="H51" s="24"/>
      <c r="I51" s="24"/>
      <c r="J51" s="24"/>
      <c r="K51" s="24"/>
    </row>
    <row r="52" spans="2:11" ht="16.899999999999999" customHeight="1" x14ac:dyDescent="0.15">
      <c r="B52" s="50"/>
      <c r="C52" s="9" t="s">
        <v>14</v>
      </c>
      <c r="D52" s="19"/>
      <c r="E52" s="25"/>
      <c r="F52" s="25"/>
      <c r="G52" s="25"/>
      <c r="H52" s="25"/>
      <c r="I52" s="25"/>
      <c r="J52" s="25"/>
      <c r="K52" s="25"/>
    </row>
    <row r="53" spans="2:11" ht="16.899999999999999" customHeight="1" x14ac:dyDescent="0.15">
      <c r="B53" s="50"/>
      <c r="C53" s="9" t="s">
        <v>15</v>
      </c>
      <c r="D53" s="20"/>
      <c r="E53" s="25"/>
      <c r="F53" s="25"/>
      <c r="G53" s="25"/>
      <c r="H53" s="25"/>
      <c r="I53" s="25"/>
      <c r="J53" s="25"/>
      <c r="K53" s="25"/>
    </row>
    <row r="54" spans="2:11" ht="16.899999999999999" customHeight="1" x14ac:dyDescent="0.15">
      <c r="B54" s="50"/>
      <c r="C54" s="9" t="s">
        <v>16</v>
      </c>
      <c r="D54" s="20"/>
      <c r="E54" s="25"/>
      <c r="F54" s="25"/>
      <c r="G54" s="25"/>
      <c r="H54" s="25"/>
      <c r="I54" s="25"/>
      <c r="J54" s="25"/>
      <c r="K54" s="25"/>
    </row>
    <row r="55" spans="2:11" ht="16.899999999999999" customHeight="1" x14ac:dyDescent="0.15">
      <c r="B55" s="51"/>
      <c r="C55" s="17" t="s">
        <v>17</v>
      </c>
      <c r="D55" s="21"/>
      <c r="E55" s="26"/>
      <c r="F55" s="26"/>
      <c r="G55" s="26"/>
      <c r="H55" s="26"/>
      <c r="I55" s="26"/>
      <c r="J55" s="26"/>
      <c r="K55" s="26"/>
    </row>
    <row r="56" spans="2:11" ht="9.6" customHeight="1" thickBot="1" x14ac:dyDescent="0.2">
      <c r="C56" s="11"/>
      <c r="I56" s="60"/>
      <c r="J56" s="60"/>
      <c r="K56" s="60"/>
    </row>
    <row r="57" spans="2:11" ht="18" customHeight="1" x14ac:dyDescent="0.15">
      <c r="B57" s="31" t="s">
        <v>29</v>
      </c>
      <c r="C57" s="15"/>
      <c r="D57" s="15"/>
      <c r="E57" s="15"/>
      <c r="F57" s="15"/>
      <c r="G57" s="34" t="s">
        <v>30</v>
      </c>
      <c r="H57" s="66" t="s">
        <v>32</v>
      </c>
      <c r="I57" s="66"/>
      <c r="J57" s="66"/>
      <c r="K57" s="67"/>
    </row>
    <row r="58" spans="2:11" ht="18" customHeight="1" x14ac:dyDescent="0.15">
      <c r="B58" s="32" t="s">
        <v>28</v>
      </c>
      <c r="C58" s="16"/>
      <c r="D58" s="16"/>
      <c r="E58" s="16"/>
      <c r="F58" s="16"/>
      <c r="G58" s="33" t="s">
        <v>31</v>
      </c>
      <c r="H58" s="68"/>
      <c r="I58" s="68"/>
      <c r="J58" s="68"/>
      <c r="K58" s="69"/>
    </row>
    <row r="59" spans="2:11" ht="43.15" customHeight="1" x14ac:dyDescent="0.15">
      <c r="B59" s="39" t="s">
        <v>33</v>
      </c>
      <c r="C59" s="40"/>
      <c r="D59" s="40"/>
      <c r="E59" s="41"/>
      <c r="F59" s="61"/>
      <c r="G59" s="62"/>
      <c r="H59" s="62"/>
      <c r="I59" s="62"/>
      <c r="J59" s="62"/>
      <c r="K59" s="63"/>
    </row>
    <row r="60" spans="2:11" x14ac:dyDescent="0.15">
      <c r="B60" s="42"/>
      <c r="C60" s="43"/>
      <c r="D60" s="43"/>
      <c r="E60" s="44"/>
      <c r="F60" s="64"/>
      <c r="G60" s="65"/>
      <c r="H60" s="65"/>
      <c r="I60" s="2"/>
      <c r="J60" s="2"/>
      <c r="K60" s="12"/>
    </row>
    <row r="61" spans="2:11" x14ac:dyDescent="0.15">
      <c r="B61" s="42"/>
      <c r="C61" s="43"/>
      <c r="D61" s="43"/>
      <c r="E61" s="44"/>
      <c r="F61" s="64"/>
      <c r="G61" s="65"/>
      <c r="H61" s="65"/>
      <c r="I61" s="10"/>
      <c r="J61" s="10"/>
      <c r="K61" s="29"/>
    </row>
    <row r="62" spans="2:11" x14ac:dyDescent="0.15">
      <c r="B62" s="42"/>
      <c r="C62" s="43"/>
      <c r="D62" s="43"/>
      <c r="E62" s="44"/>
      <c r="F62" s="56"/>
      <c r="G62" s="57"/>
      <c r="H62" s="57"/>
      <c r="I62" s="2"/>
      <c r="J62" s="70"/>
      <c r="K62" s="12"/>
    </row>
    <row r="63" spans="2:11" ht="14.25" thickBot="1" x14ac:dyDescent="0.2">
      <c r="B63" s="45"/>
      <c r="C63" s="46"/>
      <c r="D63" s="46"/>
      <c r="E63" s="47"/>
      <c r="F63" s="58"/>
      <c r="G63" s="59"/>
      <c r="H63" s="59"/>
      <c r="I63" s="13"/>
      <c r="J63" s="71"/>
      <c r="K63" s="30"/>
    </row>
  </sheetData>
  <mergeCells count="28">
    <mergeCell ref="B10:B20"/>
    <mergeCell ref="B1:J2"/>
    <mergeCell ref="B4:K4"/>
    <mergeCell ref="D6:F6"/>
    <mergeCell ref="I6:K6"/>
    <mergeCell ref="B3:K3"/>
    <mergeCell ref="B5:C5"/>
    <mergeCell ref="D5:K5"/>
    <mergeCell ref="B6:C6"/>
    <mergeCell ref="C10:D10"/>
    <mergeCell ref="C9:D9"/>
    <mergeCell ref="D7:G7"/>
    <mergeCell ref="H7:I7"/>
    <mergeCell ref="B7:C7"/>
    <mergeCell ref="B8:K8"/>
    <mergeCell ref="B45:B55"/>
    <mergeCell ref="F62:H63"/>
    <mergeCell ref="I56:K56"/>
    <mergeCell ref="F59:K59"/>
    <mergeCell ref="F60:H61"/>
    <mergeCell ref="H57:K58"/>
    <mergeCell ref="J62:J63"/>
    <mergeCell ref="C45:D45"/>
    <mergeCell ref="B21:B31"/>
    <mergeCell ref="C21:D21"/>
    <mergeCell ref="C33:D33"/>
    <mergeCell ref="B34:B44"/>
    <mergeCell ref="C34:D34"/>
  </mergeCells>
  <phoneticPr fontId="1"/>
  <printOptions horizontalCentered="1" verticalCentered="1"/>
  <pageMargins left="0.23622047244094491" right="0.23622047244094491" top="7.874015748031496E-2" bottom="3.937007874015748E-2" header="0.11811023622047245" footer="0.11811023622047245"/>
  <pageSetup paperSize="9" scale="76" orientation="portrait" horizontalDpi="4294967293" r:id="rId1"/>
  <headerFooter>
    <oddFooter xml:space="preserve">&amp;R
&amp;9
</oddFooter>
  </headerFooter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L63"/>
  <sheetViews>
    <sheetView showGridLines="0" topLeftCell="A22" zoomScaleNormal="100" workbookViewId="0">
      <selection activeCell="M5" sqref="M5:M6"/>
    </sheetView>
  </sheetViews>
  <sheetFormatPr defaultColWidth="9" defaultRowHeight="13.5" x14ac:dyDescent="0.15"/>
  <cols>
    <col min="1" max="1" width="2.625" style="1" customWidth="1"/>
    <col min="2" max="2" width="4" style="1" customWidth="1"/>
    <col min="3" max="3" width="24.5" style="1" customWidth="1"/>
    <col min="4" max="4" width="3.25" style="1" customWidth="1"/>
    <col min="5" max="11" width="13.75" style="1" customWidth="1"/>
    <col min="12" max="12" width="15.125" style="1" customWidth="1"/>
    <col min="13" max="16384" width="9" style="1"/>
  </cols>
  <sheetData>
    <row r="1" spans="2:12" ht="29.45" customHeight="1" x14ac:dyDescent="0.15">
      <c r="B1" s="72"/>
      <c r="C1" s="72"/>
      <c r="D1" s="72"/>
      <c r="E1" s="72"/>
      <c r="F1" s="72"/>
      <c r="G1" s="72"/>
      <c r="H1" s="72"/>
      <c r="I1" s="72"/>
      <c r="J1" s="72"/>
      <c r="K1" s="22"/>
    </row>
    <row r="2" spans="2:12" ht="9.6" customHeight="1" x14ac:dyDescent="0.15">
      <c r="B2" s="72"/>
      <c r="C2" s="72"/>
      <c r="D2" s="72"/>
      <c r="E2" s="72"/>
      <c r="F2" s="72"/>
      <c r="G2" s="72"/>
      <c r="H2" s="72"/>
      <c r="I2" s="72"/>
      <c r="J2" s="72"/>
      <c r="K2" s="2"/>
      <c r="L2" s="2"/>
    </row>
    <row r="3" spans="2:12" s="2" customFormat="1" ht="25.15" customHeight="1" x14ac:dyDescent="0.15">
      <c r="B3" s="97"/>
      <c r="C3" s="97"/>
      <c r="D3" s="97"/>
      <c r="E3" s="97"/>
      <c r="F3" s="97"/>
      <c r="G3" s="97"/>
      <c r="H3" s="97"/>
      <c r="I3" s="97"/>
      <c r="J3" s="97"/>
      <c r="K3" s="97"/>
    </row>
    <row r="4" spans="2:12" s="2" customFormat="1" ht="21.75" customHeight="1" x14ac:dyDescent="0.15">
      <c r="B4" s="98"/>
      <c r="C4" s="98"/>
      <c r="D4" s="98"/>
      <c r="E4" s="98"/>
      <c r="F4" s="98"/>
      <c r="G4" s="98"/>
      <c r="H4" s="98"/>
      <c r="I4" s="98"/>
      <c r="J4" s="98"/>
      <c r="K4" s="98"/>
    </row>
    <row r="5" spans="2:12" s="2" customFormat="1" ht="22.9" customHeight="1" x14ac:dyDescent="0.15">
      <c r="B5" s="95"/>
      <c r="C5" s="95"/>
      <c r="D5" s="94"/>
      <c r="E5" s="94"/>
      <c r="F5" s="94"/>
      <c r="G5" s="94"/>
      <c r="H5" s="94"/>
      <c r="I5" s="94"/>
      <c r="J5" s="94"/>
      <c r="K5" s="94"/>
    </row>
    <row r="6" spans="2:12" s="2" customFormat="1" ht="25.15" customHeight="1" x14ac:dyDescent="0.15">
      <c r="B6" s="94"/>
      <c r="C6" s="94"/>
      <c r="D6" s="95"/>
      <c r="E6" s="95"/>
      <c r="F6" s="95"/>
      <c r="G6" s="35"/>
      <c r="H6" s="35"/>
      <c r="I6" s="96"/>
      <c r="J6" s="96"/>
      <c r="K6" s="96"/>
      <c r="L6" s="4"/>
    </row>
    <row r="7" spans="2:12" s="2" customFormat="1" ht="27" customHeight="1" x14ac:dyDescent="0.15">
      <c r="B7" s="99"/>
      <c r="C7" s="99"/>
      <c r="D7" s="96"/>
      <c r="E7" s="96"/>
      <c r="F7" s="96"/>
      <c r="G7" s="96"/>
      <c r="H7" s="96"/>
      <c r="I7" s="96"/>
      <c r="J7" s="96"/>
      <c r="K7" s="96"/>
      <c r="L7" s="4"/>
    </row>
    <row r="8" spans="2:12" ht="35.25" customHeight="1" x14ac:dyDescent="0.15">
      <c r="B8" s="93" t="s">
        <v>40</v>
      </c>
      <c r="C8" s="93"/>
      <c r="D8" s="93"/>
      <c r="E8" s="93"/>
      <c r="F8" s="93"/>
      <c r="G8" s="93"/>
      <c r="H8" s="93"/>
      <c r="I8" s="93"/>
      <c r="J8" s="93"/>
      <c r="K8" s="93"/>
      <c r="L8" s="4"/>
    </row>
    <row r="9" spans="2:12" ht="20.25" customHeight="1" x14ac:dyDescent="0.15">
      <c r="B9" s="3"/>
      <c r="C9" s="54"/>
      <c r="D9" s="55"/>
      <c r="E9" s="23" t="s">
        <v>39</v>
      </c>
      <c r="F9" s="23" t="s">
        <v>2</v>
      </c>
      <c r="G9" s="23" t="s">
        <v>3</v>
      </c>
      <c r="H9" s="23" t="s">
        <v>4</v>
      </c>
      <c r="I9" s="23" t="s">
        <v>5</v>
      </c>
      <c r="J9" s="23" t="s">
        <v>6</v>
      </c>
      <c r="K9" s="23" t="s">
        <v>7</v>
      </c>
      <c r="L9" s="4"/>
    </row>
    <row r="10" spans="2:12" ht="18" customHeight="1" x14ac:dyDescent="0.15">
      <c r="B10" s="49" t="s">
        <v>35</v>
      </c>
      <c r="C10" s="52" t="s">
        <v>8</v>
      </c>
      <c r="D10" s="53"/>
      <c r="E10" s="37" t="s">
        <v>0</v>
      </c>
      <c r="F10" s="37" t="s">
        <v>0</v>
      </c>
      <c r="G10" s="37" t="s">
        <v>0</v>
      </c>
      <c r="H10" s="37" t="s">
        <v>0</v>
      </c>
      <c r="I10" s="37" t="s">
        <v>0</v>
      </c>
      <c r="J10" s="37" t="s">
        <v>0</v>
      </c>
      <c r="K10" s="37" t="s">
        <v>0</v>
      </c>
      <c r="L10" s="4"/>
    </row>
    <row r="11" spans="2:12" ht="16.899999999999999" customHeight="1" x14ac:dyDescent="0.15">
      <c r="B11" s="50"/>
      <c r="C11" s="5" t="s">
        <v>38</v>
      </c>
      <c r="D11" s="18"/>
      <c r="E11" s="24"/>
      <c r="F11" s="24"/>
      <c r="G11" s="24"/>
      <c r="H11" s="24"/>
      <c r="I11" s="24"/>
      <c r="J11" s="24"/>
      <c r="K11" s="24"/>
    </row>
    <row r="12" spans="2:12" ht="16.899999999999999" customHeight="1" x14ac:dyDescent="0.15">
      <c r="B12" s="50"/>
      <c r="C12" s="5" t="s">
        <v>9</v>
      </c>
      <c r="D12" s="18"/>
      <c r="E12" s="24"/>
      <c r="F12" s="24"/>
      <c r="G12" s="24"/>
      <c r="H12" s="24"/>
      <c r="I12" s="24"/>
      <c r="J12" s="24"/>
      <c r="K12" s="24"/>
    </row>
    <row r="13" spans="2:12" ht="16.899999999999999" customHeight="1" x14ac:dyDescent="0.15">
      <c r="B13" s="50"/>
      <c r="C13" s="5" t="s">
        <v>10</v>
      </c>
      <c r="D13" s="18"/>
      <c r="E13" s="24"/>
      <c r="F13" s="24"/>
      <c r="G13" s="24"/>
      <c r="H13" s="24"/>
      <c r="I13" s="24"/>
      <c r="J13" s="24"/>
      <c r="K13" s="24"/>
    </row>
    <row r="14" spans="2:12" ht="16.899999999999999" customHeight="1" x14ac:dyDescent="0.15">
      <c r="B14" s="50"/>
      <c r="C14" s="5" t="s">
        <v>11</v>
      </c>
      <c r="D14" s="18"/>
      <c r="E14" s="24"/>
      <c r="F14" s="24"/>
      <c r="G14" s="24"/>
      <c r="H14" s="24"/>
      <c r="I14" s="24"/>
      <c r="J14" s="24"/>
      <c r="K14" s="24"/>
    </row>
    <row r="15" spans="2:12" ht="16.899999999999999" customHeight="1" x14ac:dyDescent="0.15">
      <c r="B15" s="50"/>
      <c r="C15" s="5" t="s">
        <v>12</v>
      </c>
      <c r="D15" s="18"/>
      <c r="E15" s="24"/>
      <c r="F15" s="24"/>
      <c r="G15" s="24"/>
      <c r="H15" s="24"/>
      <c r="I15" s="24"/>
      <c r="J15" s="24"/>
      <c r="K15" s="24"/>
    </row>
    <row r="16" spans="2:12" ht="16.899999999999999" customHeight="1" x14ac:dyDescent="0.15">
      <c r="B16" s="50"/>
      <c r="C16" s="5" t="s">
        <v>13</v>
      </c>
      <c r="D16" s="18"/>
      <c r="E16" s="24"/>
      <c r="F16" s="24"/>
      <c r="G16" s="24"/>
      <c r="H16" s="24"/>
      <c r="I16" s="24"/>
      <c r="J16" s="24"/>
      <c r="K16" s="24"/>
    </row>
    <row r="17" spans="2:12" ht="16.899999999999999" customHeight="1" x14ac:dyDescent="0.15">
      <c r="B17" s="50"/>
      <c r="C17" s="9" t="s">
        <v>14</v>
      </c>
      <c r="D17" s="19"/>
      <c r="E17" s="25"/>
      <c r="F17" s="25"/>
      <c r="G17" s="25"/>
      <c r="H17" s="25"/>
      <c r="I17" s="25"/>
      <c r="J17" s="25"/>
      <c r="K17" s="25"/>
    </row>
    <row r="18" spans="2:12" ht="16.899999999999999" customHeight="1" x14ac:dyDescent="0.15">
      <c r="B18" s="50"/>
      <c r="C18" s="9" t="s">
        <v>15</v>
      </c>
      <c r="D18" s="20"/>
      <c r="E18" s="25"/>
      <c r="F18" s="25"/>
      <c r="G18" s="25"/>
      <c r="H18" s="25"/>
      <c r="I18" s="25"/>
      <c r="J18" s="25"/>
      <c r="K18" s="25"/>
    </row>
    <row r="19" spans="2:12" ht="16.899999999999999" customHeight="1" x14ac:dyDescent="0.15">
      <c r="B19" s="50"/>
      <c r="C19" s="9" t="s">
        <v>16</v>
      </c>
      <c r="D19" s="20"/>
      <c r="E19" s="25"/>
      <c r="F19" s="25"/>
      <c r="G19" s="25"/>
      <c r="H19" s="25"/>
      <c r="I19" s="25"/>
      <c r="J19" s="25"/>
      <c r="K19" s="25"/>
    </row>
    <row r="20" spans="2:12" ht="16.899999999999999" customHeight="1" x14ac:dyDescent="0.15">
      <c r="B20" s="51"/>
      <c r="C20" s="17" t="s">
        <v>17</v>
      </c>
      <c r="D20" s="21"/>
      <c r="E20" s="26"/>
      <c r="F20" s="26"/>
      <c r="G20" s="26"/>
      <c r="H20" s="26"/>
      <c r="I20" s="26"/>
      <c r="J20" s="26"/>
      <c r="K20" s="26"/>
    </row>
    <row r="21" spans="2:12" ht="18" customHeight="1" x14ac:dyDescent="0.15">
      <c r="B21" s="49" t="s">
        <v>36</v>
      </c>
      <c r="C21" s="52" t="s">
        <v>8</v>
      </c>
      <c r="D21" s="53"/>
      <c r="E21" s="37" t="s">
        <v>0</v>
      </c>
      <c r="F21" s="37" t="s">
        <v>0</v>
      </c>
      <c r="G21" s="37" t="s">
        <v>0</v>
      </c>
      <c r="H21" s="37" t="s">
        <v>0</v>
      </c>
      <c r="I21" s="37" t="s">
        <v>0</v>
      </c>
      <c r="J21" s="37" t="s">
        <v>0</v>
      </c>
      <c r="K21" s="37" t="s">
        <v>0</v>
      </c>
      <c r="L21" s="4"/>
    </row>
    <row r="22" spans="2:12" ht="16.899999999999999" customHeight="1" x14ac:dyDescent="0.15">
      <c r="B22" s="50"/>
      <c r="C22" s="5" t="s">
        <v>38</v>
      </c>
      <c r="D22" s="18"/>
      <c r="E22" s="24"/>
      <c r="F22" s="24"/>
      <c r="G22" s="24"/>
      <c r="H22" s="24"/>
      <c r="I22" s="24"/>
      <c r="J22" s="24"/>
      <c r="K22" s="24"/>
    </row>
    <row r="23" spans="2:12" ht="16.899999999999999" customHeight="1" x14ac:dyDescent="0.15">
      <c r="B23" s="50"/>
      <c r="C23" s="5" t="s">
        <v>9</v>
      </c>
      <c r="D23" s="18"/>
      <c r="E23" s="24"/>
      <c r="F23" s="24"/>
      <c r="G23" s="24"/>
      <c r="H23" s="24"/>
      <c r="I23" s="24"/>
      <c r="J23" s="24"/>
      <c r="K23" s="24"/>
    </row>
    <row r="24" spans="2:12" ht="16.899999999999999" customHeight="1" x14ac:dyDescent="0.15">
      <c r="B24" s="50"/>
      <c r="C24" s="5" t="s">
        <v>10</v>
      </c>
      <c r="D24" s="18"/>
      <c r="E24" s="24"/>
      <c r="F24" s="24"/>
      <c r="G24" s="24"/>
      <c r="H24" s="24"/>
      <c r="I24" s="24"/>
      <c r="J24" s="24"/>
      <c r="K24" s="24"/>
    </row>
    <row r="25" spans="2:12" ht="16.899999999999999" customHeight="1" x14ac:dyDescent="0.15">
      <c r="B25" s="50"/>
      <c r="C25" s="5" t="s">
        <v>11</v>
      </c>
      <c r="D25" s="18"/>
      <c r="E25" s="24"/>
      <c r="F25" s="24"/>
      <c r="G25" s="24"/>
      <c r="H25" s="24"/>
      <c r="I25" s="24"/>
      <c r="J25" s="24"/>
      <c r="K25" s="24"/>
    </row>
    <row r="26" spans="2:12" ht="16.899999999999999" customHeight="1" x14ac:dyDescent="0.15">
      <c r="B26" s="50"/>
      <c r="C26" s="5" t="s">
        <v>12</v>
      </c>
      <c r="D26" s="18"/>
      <c r="E26" s="24"/>
      <c r="F26" s="24"/>
      <c r="G26" s="24"/>
      <c r="H26" s="24"/>
      <c r="I26" s="24"/>
      <c r="J26" s="24"/>
      <c r="K26" s="24"/>
    </row>
    <row r="27" spans="2:12" ht="16.899999999999999" customHeight="1" x14ac:dyDescent="0.15">
      <c r="B27" s="50"/>
      <c r="C27" s="5" t="s">
        <v>13</v>
      </c>
      <c r="D27" s="18"/>
      <c r="E27" s="24"/>
      <c r="F27" s="24"/>
      <c r="G27" s="24"/>
      <c r="H27" s="24"/>
      <c r="I27" s="24"/>
      <c r="J27" s="24"/>
      <c r="K27" s="24"/>
    </row>
    <row r="28" spans="2:12" ht="16.899999999999999" customHeight="1" x14ac:dyDescent="0.15">
      <c r="B28" s="50"/>
      <c r="C28" s="9" t="s">
        <v>14</v>
      </c>
      <c r="D28" s="19"/>
      <c r="E28" s="25"/>
      <c r="F28" s="25"/>
      <c r="G28" s="25"/>
      <c r="H28" s="25"/>
      <c r="I28" s="25"/>
      <c r="J28" s="25"/>
      <c r="K28" s="25"/>
    </row>
    <row r="29" spans="2:12" ht="16.899999999999999" customHeight="1" x14ac:dyDescent="0.15">
      <c r="B29" s="50"/>
      <c r="C29" s="9" t="s">
        <v>15</v>
      </c>
      <c r="D29" s="20"/>
      <c r="E29" s="25"/>
      <c r="F29" s="25"/>
      <c r="G29" s="25"/>
      <c r="H29" s="25"/>
      <c r="I29" s="25"/>
      <c r="J29" s="25"/>
      <c r="K29" s="25"/>
    </row>
    <row r="30" spans="2:12" ht="16.899999999999999" customHeight="1" x14ac:dyDescent="0.15">
      <c r="B30" s="50"/>
      <c r="C30" s="9" t="s">
        <v>16</v>
      </c>
      <c r="D30" s="20"/>
      <c r="E30" s="25"/>
      <c r="F30" s="25"/>
      <c r="G30" s="25"/>
      <c r="H30" s="25"/>
      <c r="I30" s="25"/>
      <c r="J30" s="25"/>
      <c r="K30" s="25"/>
    </row>
    <row r="31" spans="2:12" ht="16.899999999999999" customHeight="1" x14ac:dyDescent="0.15">
      <c r="B31" s="51"/>
      <c r="C31" s="17" t="s">
        <v>17</v>
      </c>
      <c r="D31" s="21"/>
      <c r="E31" s="26"/>
      <c r="F31" s="26"/>
      <c r="G31" s="26"/>
      <c r="H31" s="26"/>
      <c r="I31" s="26"/>
      <c r="J31" s="26"/>
      <c r="K31" s="26"/>
    </row>
    <row r="32" spans="2:12" x14ac:dyDescent="0.15">
      <c r="B32" s="6"/>
      <c r="C32" s="7"/>
      <c r="D32" s="8"/>
      <c r="E32" s="7"/>
      <c r="F32" s="8"/>
      <c r="G32" s="7"/>
      <c r="H32" s="8"/>
      <c r="I32" s="7"/>
      <c r="J32" s="8"/>
      <c r="K32" s="7"/>
    </row>
    <row r="33" spans="2:12" ht="20.25" customHeight="1" x14ac:dyDescent="0.15">
      <c r="B33" s="3"/>
      <c r="C33" s="54"/>
      <c r="D33" s="55"/>
      <c r="E33" s="23" t="s">
        <v>18</v>
      </c>
      <c r="F33" s="23" t="s">
        <v>19</v>
      </c>
      <c r="G33" s="23" t="s">
        <v>20</v>
      </c>
      <c r="H33" s="23" t="s">
        <v>21</v>
      </c>
      <c r="I33" s="23" t="s">
        <v>22</v>
      </c>
      <c r="J33" s="23" t="s">
        <v>23</v>
      </c>
      <c r="K33" s="23" t="s">
        <v>24</v>
      </c>
      <c r="L33" s="4"/>
    </row>
    <row r="34" spans="2:12" ht="18" customHeight="1" x14ac:dyDescent="0.15">
      <c r="B34" s="49" t="s">
        <v>35</v>
      </c>
      <c r="C34" s="52" t="s">
        <v>8</v>
      </c>
      <c r="D34" s="53"/>
      <c r="E34" s="37" t="s">
        <v>0</v>
      </c>
      <c r="F34" s="37" t="s">
        <v>0</v>
      </c>
      <c r="G34" s="37" t="s">
        <v>0</v>
      </c>
      <c r="H34" s="37" t="s">
        <v>0</v>
      </c>
      <c r="I34" s="37" t="s">
        <v>0</v>
      </c>
      <c r="J34" s="37" t="s">
        <v>0</v>
      </c>
      <c r="K34" s="37" t="s">
        <v>0</v>
      </c>
      <c r="L34" s="4"/>
    </row>
    <row r="35" spans="2:12" ht="16.899999999999999" customHeight="1" x14ac:dyDescent="0.15">
      <c r="B35" s="50"/>
      <c r="C35" s="5" t="s">
        <v>38</v>
      </c>
      <c r="D35" s="18"/>
      <c r="E35" s="24"/>
      <c r="F35" s="24"/>
      <c r="G35" s="24"/>
      <c r="H35" s="24"/>
      <c r="I35" s="24"/>
      <c r="J35" s="24"/>
      <c r="K35" s="24"/>
    </row>
    <row r="36" spans="2:12" ht="16.899999999999999" customHeight="1" x14ac:dyDescent="0.15">
      <c r="B36" s="50"/>
      <c r="C36" s="5" t="s">
        <v>9</v>
      </c>
      <c r="D36" s="18"/>
      <c r="E36" s="24"/>
      <c r="F36" s="24"/>
      <c r="G36" s="24"/>
      <c r="H36" s="24"/>
      <c r="I36" s="24"/>
      <c r="J36" s="24"/>
      <c r="K36" s="24"/>
    </row>
    <row r="37" spans="2:12" ht="16.899999999999999" customHeight="1" x14ac:dyDescent="0.15">
      <c r="B37" s="50"/>
      <c r="C37" s="5" t="s">
        <v>10</v>
      </c>
      <c r="D37" s="18"/>
      <c r="E37" s="24"/>
      <c r="F37" s="24"/>
      <c r="G37" s="24"/>
      <c r="H37" s="24"/>
      <c r="I37" s="24"/>
      <c r="J37" s="24"/>
      <c r="K37" s="24"/>
    </row>
    <row r="38" spans="2:12" ht="16.899999999999999" customHeight="1" x14ac:dyDescent="0.15">
      <c r="B38" s="50"/>
      <c r="C38" s="5" t="s">
        <v>11</v>
      </c>
      <c r="D38" s="18"/>
      <c r="E38" s="24"/>
      <c r="F38" s="24"/>
      <c r="G38" s="24"/>
      <c r="H38" s="24"/>
      <c r="I38" s="24"/>
      <c r="J38" s="24"/>
      <c r="K38" s="24"/>
    </row>
    <row r="39" spans="2:12" ht="16.899999999999999" customHeight="1" x14ac:dyDescent="0.15">
      <c r="B39" s="50"/>
      <c r="C39" s="5" t="s">
        <v>12</v>
      </c>
      <c r="D39" s="18"/>
      <c r="E39" s="24"/>
      <c r="F39" s="24"/>
      <c r="G39" s="24"/>
      <c r="H39" s="24"/>
      <c r="I39" s="24"/>
      <c r="J39" s="24"/>
      <c r="K39" s="24"/>
    </row>
    <row r="40" spans="2:12" ht="16.899999999999999" customHeight="1" x14ac:dyDescent="0.15">
      <c r="B40" s="50"/>
      <c r="C40" s="5" t="s">
        <v>13</v>
      </c>
      <c r="D40" s="18"/>
      <c r="E40" s="24"/>
      <c r="F40" s="24"/>
      <c r="G40" s="24"/>
      <c r="H40" s="24"/>
      <c r="I40" s="24"/>
      <c r="J40" s="24"/>
      <c r="K40" s="24"/>
    </row>
    <row r="41" spans="2:12" ht="16.899999999999999" customHeight="1" x14ac:dyDescent="0.15">
      <c r="B41" s="50"/>
      <c r="C41" s="9" t="s">
        <v>14</v>
      </c>
      <c r="D41" s="19"/>
      <c r="E41" s="25"/>
      <c r="F41" s="25"/>
      <c r="G41" s="25"/>
      <c r="H41" s="25"/>
      <c r="I41" s="25"/>
      <c r="J41" s="25"/>
      <c r="K41" s="25"/>
    </row>
    <row r="42" spans="2:12" ht="16.899999999999999" customHeight="1" x14ac:dyDescent="0.15">
      <c r="B42" s="50"/>
      <c r="C42" s="9" t="s">
        <v>15</v>
      </c>
      <c r="D42" s="20"/>
      <c r="E42" s="25"/>
      <c r="F42" s="25"/>
      <c r="G42" s="25"/>
      <c r="H42" s="25"/>
      <c r="I42" s="25"/>
      <c r="J42" s="25"/>
      <c r="K42" s="25"/>
    </row>
    <row r="43" spans="2:12" ht="16.899999999999999" customHeight="1" x14ac:dyDescent="0.15">
      <c r="B43" s="50"/>
      <c r="C43" s="9" t="s">
        <v>16</v>
      </c>
      <c r="D43" s="20"/>
      <c r="E43" s="25"/>
      <c r="F43" s="25"/>
      <c r="G43" s="25"/>
      <c r="H43" s="25"/>
      <c r="I43" s="25"/>
      <c r="J43" s="25"/>
      <c r="K43" s="25"/>
    </row>
    <row r="44" spans="2:12" ht="16.899999999999999" customHeight="1" x14ac:dyDescent="0.15">
      <c r="B44" s="51"/>
      <c r="C44" s="17" t="s">
        <v>17</v>
      </c>
      <c r="D44" s="21"/>
      <c r="E44" s="26"/>
      <c r="F44" s="26"/>
      <c r="G44" s="26"/>
      <c r="H44" s="26"/>
      <c r="I44" s="26"/>
      <c r="J44" s="26"/>
      <c r="K44" s="26"/>
    </row>
    <row r="45" spans="2:12" ht="18" customHeight="1" x14ac:dyDescent="0.15">
      <c r="B45" s="49" t="s">
        <v>36</v>
      </c>
      <c r="C45" s="52" t="s">
        <v>8</v>
      </c>
      <c r="D45" s="53"/>
      <c r="E45" s="37" t="s">
        <v>0</v>
      </c>
      <c r="F45" s="37" t="s">
        <v>0</v>
      </c>
      <c r="G45" s="37" t="s">
        <v>0</v>
      </c>
      <c r="H45" s="37" t="s">
        <v>0</v>
      </c>
      <c r="I45" s="37" t="s">
        <v>0</v>
      </c>
      <c r="J45" s="37" t="s">
        <v>0</v>
      </c>
      <c r="K45" s="37" t="s">
        <v>0</v>
      </c>
      <c r="L45" s="4"/>
    </row>
    <row r="46" spans="2:12" ht="16.899999999999999" customHeight="1" x14ac:dyDescent="0.15">
      <c r="B46" s="50"/>
      <c r="C46" s="5" t="s">
        <v>38</v>
      </c>
      <c r="D46" s="18"/>
      <c r="E46" s="24"/>
      <c r="F46" s="24"/>
      <c r="G46" s="24"/>
      <c r="H46" s="24"/>
      <c r="I46" s="24"/>
      <c r="J46" s="24"/>
      <c r="K46" s="24"/>
    </row>
    <row r="47" spans="2:12" ht="16.899999999999999" customHeight="1" x14ac:dyDescent="0.15">
      <c r="B47" s="50"/>
      <c r="C47" s="5" t="s">
        <v>9</v>
      </c>
      <c r="D47" s="18"/>
      <c r="E47" s="24"/>
      <c r="F47" s="24"/>
      <c r="G47" s="24"/>
      <c r="H47" s="24"/>
      <c r="I47" s="24"/>
      <c r="J47" s="24"/>
      <c r="K47" s="24"/>
    </row>
    <row r="48" spans="2:12" ht="16.899999999999999" customHeight="1" x14ac:dyDescent="0.15">
      <c r="B48" s="50"/>
      <c r="C48" s="5" t="s">
        <v>10</v>
      </c>
      <c r="D48" s="18"/>
      <c r="E48" s="24"/>
      <c r="F48" s="24"/>
      <c r="G48" s="24"/>
      <c r="H48" s="24"/>
      <c r="I48" s="24"/>
      <c r="J48" s="24"/>
      <c r="K48" s="24"/>
    </row>
    <row r="49" spans="2:11" ht="16.899999999999999" customHeight="1" x14ac:dyDescent="0.15">
      <c r="B49" s="50"/>
      <c r="C49" s="5" t="s">
        <v>11</v>
      </c>
      <c r="D49" s="18"/>
      <c r="E49" s="24"/>
      <c r="F49" s="24"/>
      <c r="G49" s="24"/>
      <c r="H49" s="24"/>
      <c r="I49" s="24"/>
      <c r="J49" s="24"/>
      <c r="K49" s="24"/>
    </row>
    <row r="50" spans="2:11" ht="16.899999999999999" customHeight="1" x14ac:dyDescent="0.15">
      <c r="B50" s="50"/>
      <c r="C50" s="5" t="s">
        <v>12</v>
      </c>
      <c r="D50" s="18"/>
      <c r="E50" s="24"/>
      <c r="F50" s="24"/>
      <c r="G50" s="24"/>
      <c r="H50" s="24"/>
      <c r="I50" s="24"/>
      <c r="J50" s="24"/>
      <c r="K50" s="24"/>
    </row>
    <row r="51" spans="2:11" ht="16.899999999999999" customHeight="1" x14ac:dyDescent="0.15">
      <c r="B51" s="50"/>
      <c r="C51" s="5" t="s">
        <v>13</v>
      </c>
      <c r="D51" s="18"/>
      <c r="E51" s="24"/>
      <c r="F51" s="24"/>
      <c r="G51" s="24"/>
      <c r="H51" s="24"/>
      <c r="I51" s="24"/>
      <c r="J51" s="24"/>
      <c r="K51" s="24"/>
    </row>
    <row r="52" spans="2:11" ht="16.899999999999999" customHeight="1" x14ac:dyDescent="0.15">
      <c r="B52" s="50"/>
      <c r="C52" s="9" t="s">
        <v>14</v>
      </c>
      <c r="D52" s="19"/>
      <c r="E52" s="25"/>
      <c r="F52" s="25"/>
      <c r="G52" s="25"/>
      <c r="H52" s="25"/>
      <c r="I52" s="25"/>
      <c r="J52" s="25"/>
      <c r="K52" s="25"/>
    </row>
    <row r="53" spans="2:11" ht="16.899999999999999" customHeight="1" x14ac:dyDescent="0.15">
      <c r="B53" s="50"/>
      <c r="C53" s="9" t="s">
        <v>15</v>
      </c>
      <c r="D53" s="20"/>
      <c r="E53" s="25"/>
      <c r="F53" s="25"/>
      <c r="G53" s="25"/>
      <c r="H53" s="25"/>
      <c r="I53" s="25"/>
      <c r="J53" s="25"/>
      <c r="K53" s="25"/>
    </row>
    <row r="54" spans="2:11" ht="16.899999999999999" customHeight="1" x14ac:dyDescent="0.15">
      <c r="B54" s="50"/>
      <c r="C54" s="9" t="s">
        <v>16</v>
      </c>
      <c r="D54" s="20"/>
      <c r="E54" s="25"/>
      <c r="F54" s="25"/>
      <c r="G54" s="25"/>
      <c r="H54" s="25"/>
      <c r="I54" s="25"/>
      <c r="J54" s="25"/>
      <c r="K54" s="25"/>
    </row>
    <row r="55" spans="2:11" ht="16.899999999999999" customHeight="1" x14ac:dyDescent="0.15">
      <c r="B55" s="51"/>
      <c r="C55" s="17" t="s">
        <v>17</v>
      </c>
      <c r="D55" s="21"/>
      <c r="E55" s="26"/>
      <c r="F55" s="26"/>
      <c r="G55" s="26"/>
      <c r="H55" s="26"/>
      <c r="I55" s="26"/>
      <c r="J55" s="26"/>
      <c r="K55" s="26"/>
    </row>
    <row r="56" spans="2:11" ht="9.6" customHeight="1" x14ac:dyDescent="0.15">
      <c r="C56" s="11"/>
      <c r="I56" s="60"/>
      <c r="J56" s="60"/>
      <c r="K56" s="60"/>
    </row>
    <row r="57" spans="2:11" ht="18" customHeight="1" x14ac:dyDescent="0.15">
      <c r="B57" s="14"/>
      <c r="C57" s="27"/>
      <c r="D57" s="27"/>
      <c r="E57" s="27"/>
      <c r="F57" s="27"/>
      <c r="G57" s="36"/>
      <c r="H57" s="70"/>
      <c r="I57" s="70"/>
      <c r="J57" s="70"/>
      <c r="K57" s="70"/>
    </row>
    <row r="58" spans="2:11" ht="18" customHeight="1" x14ac:dyDescent="0.15">
      <c r="B58" s="14"/>
      <c r="C58" s="27"/>
      <c r="D58" s="27"/>
      <c r="E58" s="27"/>
      <c r="F58" s="27"/>
      <c r="G58" s="10"/>
      <c r="H58" s="70"/>
      <c r="I58" s="70"/>
      <c r="J58" s="70"/>
      <c r="K58" s="70"/>
    </row>
    <row r="59" spans="2:11" ht="43.15" customHeight="1" x14ac:dyDescent="0.15">
      <c r="B59" s="100"/>
      <c r="C59" s="100"/>
      <c r="D59" s="100"/>
      <c r="E59" s="100"/>
      <c r="F59" s="101"/>
      <c r="G59" s="101"/>
      <c r="H59" s="101"/>
      <c r="I59" s="101"/>
      <c r="J59" s="101"/>
      <c r="K59" s="101"/>
    </row>
    <row r="60" spans="2:11" x14ac:dyDescent="0.15">
      <c r="B60" s="100"/>
      <c r="C60" s="100"/>
      <c r="D60" s="100"/>
      <c r="E60" s="100"/>
      <c r="F60" s="65"/>
      <c r="G60" s="65"/>
      <c r="H60" s="65"/>
      <c r="I60" s="2"/>
      <c r="J60" s="2"/>
      <c r="K60" s="2"/>
    </row>
    <row r="61" spans="2:11" x14ac:dyDescent="0.15">
      <c r="B61" s="100"/>
      <c r="C61" s="100"/>
      <c r="D61" s="100"/>
      <c r="E61" s="100"/>
      <c r="F61" s="65"/>
      <c r="G61" s="65"/>
      <c r="H61" s="65"/>
      <c r="I61" s="10"/>
      <c r="J61" s="10"/>
      <c r="K61" s="10"/>
    </row>
    <row r="62" spans="2:11" x14ac:dyDescent="0.15">
      <c r="B62" s="100"/>
      <c r="C62" s="100"/>
      <c r="D62" s="100"/>
      <c r="E62" s="100"/>
      <c r="F62" s="57"/>
      <c r="G62" s="57"/>
      <c r="H62" s="57"/>
      <c r="I62" s="2"/>
      <c r="J62" s="70"/>
      <c r="K62" s="2"/>
    </row>
    <row r="63" spans="2:11" x14ac:dyDescent="0.15">
      <c r="B63" s="100"/>
      <c r="C63" s="100"/>
      <c r="D63" s="100"/>
      <c r="E63" s="100"/>
      <c r="F63" s="57"/>
      <c r="G63" s="57"/>
      <c r="H63" s="57"/>
      <c r="I63" s="10"/>
      <c r="J63" s="70"/>
      <c r="K63" s="10"/>
    </row>
  </sheetData>
  <mergeCells count="28">
    <mergeCell ref="I56:K56"/>
    <mergeCell ref="H57:K58"/>
    <mergeCell ref="B59:E63"/>
    <mergeCell ref="F59:K59"/>
    <mergeCell ref="F60:H61"/>
    <mergeCell ref="F62:H63"/>
    <mergeCell ref="J62:J63"/>
    <mergeCell ref="B45:B55"/>
    <mergeCell ref="C45:D45"/>
    <mergeCell ref="B7:C7"/>
    <mergeCell ref="D7:K7"/>
    <mergeCell ref="B8:K8"/>
    <mergeCell ref="C9:D9"/>
    <mergeCell ref="B10:B20"/>
    <mergeCell ref="C10:D10"/>
    <mergeCell ref="B21:B31"/>
    <mergeCell ref="C21:D21"/>
    <mergeCell ref="C33:D33"/>
    <mergeCell ref="B34:B44"/>
    <mergeCell ref="C34:D34"/>
    <mergeCell ref="B6:C6"/>
    <mergeCell ref="D6:F6"/>
    <mergeCell ref="I6:K6"/>
    <mergeCell ref="B1:J2"/>
    <mergeCell ref="B3:K3"/>
    <mergeCell ref="B4:K4"/>
    <mergeCell ref="B5:C5"/>
    <mergeCell ref="D5:K5"/>
  </mergeCells>
  <phoneticPr fontId="1"/>
  <printOptions horizontalCentered="1" verticalCentered="1"/>
  <pageMargins left="0.23622047244094491" right="0.23622047244094491" top="7.874015748031496E-2" bottom="3.937007874015748E-2" header="0.11811023622047245" footer="0.11811023622047245"/>
  <pageSetup paperSize="9" scale="76" orientation="portrait" horizontalDpi="4294967293" r:id="rId1"/>
  <headerFooter>
    <oddFooter xml:space="preserve">&amp;R
&amp;9
</oddFoot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体調観察表　</vt:lpstr>
      <vt:lpstr>裏面</vt:lpstr>
      <vt:lpstr>'体調観察表　'!Print_Area</vt:lpstr>
      <vt:lpstr>裏面!Print_Area</vt:lpstr>
    </vt:vector>
  </TitlesOfParts>
  <Company>獨協大学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情報センター</dc:creator>
  <cp:lastModifiedBy>沖　伸行</cp:lastModifiedBy>
  <cp:lastPrinted>2022-08-06T03:21:32Z</cp:lastPrinted>
  <dcterms:created xsi:type="dcterms:W3CDTF">2009-05-13T01:25:18Z</dcterms:created>
  <dcterms:modified xsi:type="dcterms:W3CDTF">2023-10-17T06:50:16Z</dcterms:modified>
</cp:coreProperties>
</file>